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2765\Desktop\"/>
    </mc:Choice>
  </mc:AlternateContent>
  <bookViews>
    <workbookView xWindow="0" yWindow="0" windowWidth="21915" windowHeight="8385"/>
  </bookViews>
  <sheets>
    <sheet name="入力様式" sheetId="1" r:id="rId1"/>
    <sheet name="抽出シート" sheetId="3" r:id="rId2"/>
    <sheet name="記載例" sheetId="2" r:id="rId3"/>
  </sheets>
  <definedNames>
    <definedName name="_xlnm.Print_Area" localSheetId="2">記載例!$A$1:$N$81</definedName>
    <definedName name="_xlnm.Print_Area" localSheetId="0">入力様式!$A$1:$N$81</definedName>
    <definedName name="_xlnm.Print_Titles" localSheetId="2">記載例!$17:$17</definedName>
    <definedName name="_xlnm.Print_Titles" localSheetId="1">抽出シート!$1:$1</definedName>
    <definedName name="_xlnm.Print_Titles" localSheetId="0">入力様式!$17:$1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2" i="3" l="1"/>
  <c r="H2" i="3"/>
  <c r="G2" i="3"/>
  <c r="F2" i="3"/>
  <c r="E2" i="3"/>
  <c r="D2" i="3"/>
  <c r="C2" i="3"/>
  <c r="B2" i="3"/>
  <c r="A2" i="3"/>
  <c r="R2" i="3"/>
  <c r="R3" i="3" s="1"/>
  <c r="R4" i="3" s="1"/>
  <c r="R5" i="3" s="1"/>
  <c r="R6" i="3" s="1"/>
  <c r="R7" i="3" s="1"/>
  <c r="R8" i="3" s="1"/>
  <c r="R9" i="3" s="1"/>
  <c r="R10" i="3" s="1"/>
  <c r="R11" i="3" s="1"/>
  <c r="R12" i="3" s="1"/>
  <c r="R13" i="3" s="1"/>
  <c r="R14" i="3" s="1"/>
  <c r="R15" i="3" s="1"/>
  <c r="R16" i="3" s="1"/>
  <c r="R17" i="3" s="1"/>
  <c r="R18" i="3" s="1"/>
  <c r="R19" i="3" s="1"/>
  <c r="R20" i="3" s="1"/>
  <c r="R21" i="3" s="1"/>
  <c r="R22" i="3" s="1"/>
  <c r="R23" i="3" s="1"/>
  <c r="R24" i="3" s="1"/>
  <c r="R25" i="3" s="1"/>
  <c r="R26" i="3" s="1"/>
  <c r="R27" i="3" s="1"/>
  <c r="R28" i="3" s="1"/>
  <c r="R29" i="3" s="1"/>
  <c r="R30" i="3" s="1"/>
  <c r="R31" i="3" s="1"/>
  <c r="R32" i="3" s="1"/>
  <c r="R33" i="3" s="1"/>
  <c r="R34" i="3" s="1"/>
  <c r="R35" i="3" s="1"/>
  <c r="R36" i="3" s="1"/>
  <c r="R37" i="3" s="1"/>
  <c r="R38" i="3" s="1"/>
  <c r="R39" i="3" s="1"/>
  <c r="R40" i="3" s="1"/>
  <c r="R41" i="3" s="1"/>
  <c r="R42" i="3" s="1"/>
  <c r="R43" i="3" s="1"/>
  <c r="R44" i="3" s="1"/>
  <c r="R45" i="3" s="1"/>
  <c r="R46" i="3" s="1"/>
  <c r="R47" i="3" s="1"/>
  <c r="R48" i="3" s="1"/>
  <c r="R49" i="3" s="1"/>
  <c r="R50" i="3" s="1"/>
  <c r="R51" i="3" s="1"/>
  <c r="Q2" i="3"/>
  <c r="Q3" i="3" s="1"/>
  <c r="Q4" i="3" s="1"/>
  <c r="Q5" i="3" s="1"/>
  <c r="Q6" i="3" s="1"/>
  <c r="Q7" i="3" s="1"/>
  <c r="Q8" i="3" s="1"/>
  <c r="Q9" i="3" s="1"/>
  <c r="Q10" i="3" s="1"/>
  <c r="Q11" i="3" s="1"/>
  <c r="Q12" i="3" s="1"/>
  <c r="Q13" i="3" s="1"/>
  <c r="Q14" i="3" s="1"/>
  <c r="Q15" i="3" s="1"/>
  <c r="Q16" i="3" s="1"/>
  <c r="Q17" i="3" s="1"/>
  <c r="Q18" i="3" s="1"/>
  <c r="Q19" i="3" s="1"/>
  <c r="Q20" i="3" s="1"/>
  <c r="Q21" i="3" s="1"/>
  <c r="Q22" i="3" s="1"/>
  <c r="Q23" i="3" s="1"/>
  <c r="Q24" i="3" s="1"/>
  <c r="Q25" i="3" s="1"/>
  <c r="Q26" i="3" s="1"/>
  <c r="Q27" i="3" s="1"/>
  <c r="Q28" i="3" s="1"/>
  <c r="Q29" i="3" s="1"/>
  <c r="Q30" i="3" s="1"/>
  <c r="Q31" i="3" s="1"/>
  <c r="Q32" i="3" s="1"/>
  <c r="Q33" i="3" s="1"/>
  <c r="Q34" i="3" s="1"/>
  <c r="Q35" i="3" s="1"/>
  <c r="Q36" i="3" s="1"/>
  <c r="Q37" i="3" s="1"/>
  <c r="Q38" i="3" s="1"/>
  <c r="Q39" i="3" s="1"/>
  <c r="Q40" i="3" s="1"/>
  <c r="Q41" i="3" s="1"/>
  <c r="Q42" i="3" s="1"/>
  <c r="Q43" i="3" s="1"/>
  <c r="Q44" i="3" s="1"/>
  <c r="Q45" i="3" s="1"/>
  <c r="Q46" i="3" s="1"/>
  <c r="Q47" i="3" s="1"/>
  <c r="Q48" i="3" s="1"/>
  <c r="Q49" i="3" s="1"/>
  <c r="Q50" i="3" s="1"/>
  <c r="Q51" i="3" s="1"/>
  <c r="F3" i="3"/>
  <c r="G3" i="3"/>
  <c r="H3" i="3"/>
  <c r="I3" i="3"/>
  <c r="J3" i="3"/>
  <c r="K3" i="3"/>
  <c r="L3" i="3"/>
  <c r="M3" i="3"/>
  <c r="N3" i="3"/>
  <c r="O3" i="3"/>
  <c r="P3" i="3"/>
  <c r="F4" i="3"/>
  <c r="G4" i="3"/>
  <c r="H4" i="3"/>
  <c r="I4" i="3"/>
  <c r="J4" i="3"/>
  <c r="K4" i="3"/>
  <c r="L4" i="3"/>
  <c r="M4" i="3"/>
  <c r="N4" i="3"/>
  <c r="O4" i="3"/>
  <c r="P4" i="3"/>
  <c r="F5" i="3"/>
  <c r="G5" i="3"/>
  <c r="H5" i="3"/>
  <c r="I5" i="3"/>
  <c r="J5" i="3"/>
  <c r="K5" i="3"/>
  <c r="L5" i="3"/>
  <c r="M5" i="3"/>
  <c r="N5" i="3"/>
  <c r="O5" i="3"/>
  <c r="P5" i="3"/>
  <c r="F6" i="3"/>
  <c r="G6" i="3"/>
  <c r="H6" i="3"/>
  <c r="I6" i="3"/>
  <c r="J6" i="3"/>
  <c r="K6" i="3"/>
  <c r="L6" i="3"/>
  <c r="M6" i="3"/>
  <c r="N6" i="3"/>
  <c r="O6" i="3"/>
  <c r="P6" i="3"/>
  <c r="F7" i="3"/>
  <c r="G7" i="3"/>
  <c r="H7" i="3"/>
  <c r="I7" i="3"/>
  <c r="J7" i="3"/>
  <c r="K7" i="3"/>
  <c r="L7" i="3"/>
  <c r="M7" i="3"/>
  <c r="N7" i="3"/>
  <c r="O7" i="3"/>
  <c r="P7" i="3"/>
  <c r="F8" i="3"/>
  <c r="G8" i="3"/>
  <c r="H8" i="3"/>
  <c r="I8" i="3"/>
  <c r="J8" i="3"/>
  <c r="K8" i="3"/>
  <c r="L8" i="3"/>
  <c r="M8" i="3"/>
  <c r="N8" i="3"/>
  <c r="O8" i="3"/>
  <c r="P8" i="3"/>
  <c r="F9" i="3"/>
  <c r="G9" i="3"/>
  <c r="H9" i="3"/>
  <c r="I9" i="3"/>
  <c r="J9" i="3"/>
  <c r="K9" i="3"/>
  <c r="L9" i="3"/>
  <c r="M9" i="3"/>
  <c r="N9" i="3"/>
  <c r="O9" i="3"/>
  <c r="P9" i="3"/>
  <c r="F10" i="3"/>
  <c r="G10" i="3"/>
  <c r="H10" i="3"/>
  <c r="I10" i="3"/>
  <c r="J10" i="3"/>
  <c r="K10" i="3"/>
  <c r="L10" i="3"/>
  <c r="M10" i="3"/>
  <c r="N10" i="3"/>
  <c r="O10" i="3"/>
  <c r="P10" i="3"/>
  <c r="F11" i="3"/>
  <c r="G11" i="3"/>
  <c r="H11" i="3"/>
  <c r="I11" i="3"/>
  <c r="J11" i="3"/>
  <c r="K11" i="3"/>
  <c r="L11" i="3"/>
  <c r="M11" i="3"/>
  <c r="N11" i="3"/>
  <c r="O11" i="3"/>
  <c r="P11" i="3"/>
  <c r="F12" i="3"/>
  <c r="G12" i="3"/>
  <c r="H12" i="3"/>
  <c r="I12" i="3"/>
  <c r="J12" i="3"/>
  <c r="K12" i="3"/>
  <c r="L12" i="3"/>
  <c r="M12" i="3"/>
  <c r="N12" i="3"/>
  <c r="O12" i="3"/>
  <c r="P12" i="3"/>
  <c r="F13" i="3"/>
  <c r="G13" i="3"/>
  <c r="H13" i="3"/>
  <c r="I13" i="3"/>
  <c r="J13" i="3"/>
  <c r="K13" i="3"/>
  <c r="L13" i="3"/>
  <c r="M13" i="3"/>
  <c r="N13" i="3"/>
  <c r="O13" i="3"/>
  <c r="P13" i="3"/>
  <c r="F14" i="3"/>
  <c r="G14" i="3"/>
  <c r="H14" i="3"/>
  <c r="I14" i="3"/>
  <c r="J14" i="3"/>
  <c r="K14" i="3"/>
  <c r="L14" i="3"/>
  <c r="M14" i="3"/>
  <c r="N14" i="3"/>
  <c r="O14" i="3"/>
  <c r="P14" i="3"/>
  <c r="F15" i="3"/>
  <c r="G15" i="3"/>
  <c r="H15" i="3"/>
  <c r="I15" i="3"/>
  <c r="J15" i="3"/>
  <c r="K15" i="3"/>
  <c r="L15" i="3"/>
  <c r="M15" i="3"/>
  <c r="N15" i="3"/>
  <c r="O15" i="3"/>
  <c r="P15" i="3"/>
  <c r="F16" i="3"/>
  <c r="G16" i="3"/>
  <c r="H16" i="3"/>
  <c r="I16" i="3"/>
  <c r="J16" i="3"/>
  <c r="K16" i="3"/>
  <c r="L16" i="3"/>
  <c r="M16" i="3"/>
  <c r="N16" i="3"/>
  <c r="O16" i="3"/>
  <c r="P16" i="3"/>
  <c r="F17" i="3"/>
  <c r="G17" i="3"/>
  <c r="H17" i="3"/>
  <c r="I17" i="3"/>
  <c r="J17" i="3"/>
  <c r="K17" i="3"/>
  <c r="L17" i="3"/>
  <c r="M17" i="3"/>
  <c r="N17" i="3"/>
  <c r="O17" i="3"/>
  <c r="P17" i="3"/>
  <c r="F18" i="3"/>
  <c r="G18" i="3"/>
  <c r="H18" i="3"/>
  <c r="I18" i="3"/>
  <c r="J18" i="3"/>
  <c r="K18" i="3"/>
  <c r="L18" i="3"/>
  <c r="M18" i="3"/>
  <c r="N18" i="3"/>
  <c r="O18" i="3"/>
  <c r="P18" i="3"/>
  <c r="F19" i="3"/>
  <c r="G19" i="3"/>
  <c r="H19" i="3"/>
  <c r="I19" i="3"/>
  <c r="J19" i="3"/>
  <c r="K19" i="3"/>
  <c r="L19" i="3"/>
  <c r="M19" i="3"/>
  <c r="N19" i="3"/>
  <c r="O19" i="3"/>
  <c r="P19" i="3"/>
  <c r="F20" i="3"/>
  <c r="G20" i="3"/>
  <c r="H20" i="3"/>
  <c r="I20" i="3"/>
  <c r="J20" i="3"/>
  <c r="K20" i="3"/>
  <c r="L20" i="3"/>
  <c r="M20" i="3"/>
  <c r="N20" i="3"/>
  <c r="O20" i="3"/>
  <c r="P20" i="3"/>
  <c r="F21" i="3"/>
  <c r="G21" i="3"/>
  <c r="H21" i="3"/>
  <c r="I21" i="3"/>
  <c r="J21" i="3"/>
  <c r="K21" i="3"/>
  <c r="L21" i="3"/>
  <c r="M21" i="3"/>
  <c r="N21" i="3"/>
  <c r="O21" i="3"/>
  <c r="P21" i="3"/>
  <c r="F22" i="3"/>
  <c r="G22" i="3"/>
  <c r="H22" i="3"/>
  <c r="I22" i="3"/>
  <c r="J22" i="3"/>
  <c r="K22" i="3"/>
  <c r="L22" i="3"/>
  <c r="M22" i="3"/>
  <c r="N22" i="3"/>
  <c r="O22" i="3"/>
  <c r="P22" i="3"/>
  <c r="F23" i="3"/>
  <c r="G23" i="3"/>
  <c r="H23" i="3"/>
  <c r="I23" i="3"/>
  <c r="J23" i="3"/>
  <c r="K23" i="3"/>
  <c r="L23" i="3"/>
  <c r="M23" i="3"/>
  <c r="N23" i="3"/>
  <c r="O23" i="3"/>
  <c r="P23" i="3"/>
  <c r="F24" i="3"/>
  <c r="G24" i="3"/>
  <c r="H24" i="3"/>
  <c r="I24" i="3"/>
  <c r="J24" i="3"/>
  <c r="K24" i="3"/>
  <c r="L24" i="3"/>
  <c r="M24" i="3"/>
  <c r="N24" i="3"/>
  <c r="O24" i="3"/>
  <c r="P24" i="3"/>
  <c r="F25" i="3"/>
  <c r="G25" i="3"/>
  <c r="H25" i="3"/>
  <c r="I25" i="3"/>
  <c r="J25" i="3"/>
  <c r="K25" i="3"/>
  <c r="L25" i="3"/>
  <c r="M25" i="3"/>
  <c r="N25" i="3"/>
  <c r="O25" i="3"/>
  <c r="P25" i="3"/>
  <c r="F26" i="3"/>
  <c r="G26" i="3"/>
  <c r="H26" i="3"/>
  <c r="I26" i="3"/>
  <c r="J26" i="3"/>
  <c r="K26" i="3"/>
  <c r="L26" i="3"/>
  <c r="M26" i="3"/>
  <c r="N26" i="3"/>
  <c r="O26" i="3"/>
  <c r="P26" i="3"/>
  <c r="F27" i="3"/>
  <c r="G27" i="3"/>
  <c r="H27" i="3"/>
  <c r="I27" i="3"/>
  <c r="J27" i="3"/>
  <c r="K27" i="3"/>
  <c r="L27" i="3"/>
  <c r="M27" i="3"/>
  <c r="N27" i="3"/>
  <c r="O27" i="3"/>
  <c r="P27" i="3"/>
  <c r="F28" i="3"/>
  <c r="G28" i="3"/>
  <c r="H28" i="3"/>
  <c r="I28" i="3"/>
  <c r="J28" i="3"/>
  <c r="K28" i="3"/>
  <c r="L28" i="3"/>
  <c r="M28" i="3"/>
  <c r="N28" i="3"/>
  <c r="O28" i="3"/>
  <c r="P28" i="3"/>
  <c r="F29" i="3"/>
  <c r="G29" i="3"/>
  <c r="H29" i="3"/>
  <c r="I29" i="3"/>
  <c r="J29" i="3"/>
  <c r="K29" i="3"/>
  <c r="L29" i="3"/>
  <c r="M29" i="3"/>
  <c r="N29" i="3"/>
  <c r="O29" i="3"/>
  <c r="P29" i="3"/>
  <c r="F30" i="3"/>
  <c r="G30" i="3"/>
  <c r="H30" i="3"/>
  <c r="I30" i="3"/>
  <c r="J30" i="3"/>
  <c r="K30" i="3"/>
  <c r="L30" i="3"/>
  <c r="M30" i="3"/>
  <c r="N30" i="3"/>
  <c r="O30" i="3"/>
  <c r="P30" i="3"/>
  <c r="F31" i="3"/>
  <c r="G31" i="3"/>
  <c r="H31" i="3"/>
  <c r="I31" i="3"/>
  <c r="J31" i="3"/>
  <c r="K31" i="3"/>
  <c r="L31" i="3"/>
  <c r="M31" i="3"/>
  <c r="N31" i="3"/>
  <c r="O31" i="3"/>
  <c r="P31" i="3"/>
  <c r="F32" i="3"/>
  <c r="G32" i="3"/>
  <c r="H32" i="3"/>
  <c r="I32" i="3"/>
  <c r="J32" i="3"/>
  <c r="K32" i="3"/>
  <c r="L32" i="3"/>
  <c r="M32" i="3"/>
  <c r="N32" i="3"/>
  <c r="O32" i="3"/>
  <c r="P32" i="3"/>
  <c r="F33" i="3"/>
  <c r="G33" i="3"/>
  <c r="H33" i="3"/>
  <c r="I33" i="3"/>
  <c r="J33" i="3"/>
  <c r="K33" i="3"/>
  <c r="L33" i="3"/>
  <c r="M33" i="3"/>
  <c r="N33" i="3"/>
  <c r="O33" i="3"/>
  <c r="P33" i="3"/>
  <c r="F34" i="3"/>
  <c r="G34" i="3"/>
  <c r="H34" i="3"/>
  <c r="I34" i="3"/>
  <c r="J34" i="3"/>
  <c r="K34" i="3"/>
  <c r="L34" i="3"/>
  <c r="M34" i="3"/>
  <c r="N34" i="3"/>
  <c r="O34" i="3"/>
  <c r="P34" i="3"/>
  <c r="F35" i="3"/>
  <c r="G35" i="3"/>
  <c r="H35" i="3"/>
  <c r="I35" i="3"/>
  <c r="J35" i="3"/>
  <c r="K35" i="3"/>
  <c r="L35" i="3"/>
  <c r="M35" i="3"/>
  <c r="N35" i="3"/>
  <c r="O35" i="3"/>
  <c r="P35" i="3"/>
  <c r="F36" i="3"/>
  <c r="G36" i="3"/>
  <c r="H36" i="3"/>
  <c r="I36" i="3"/>
  <c r="J36" i="3"/>
  <c r="K36" i="3"/>
  <c r="L36" i="3"/>
  <c r="M36" i="3"/>
  <c r="N36" i="3"/>
  <c r="O36" i="3"/>
  <c r="P36" i="3"/>
  <c r="F37" i="3"/>
  <c r="G37" i="3"/>
  <c r="H37" i="3"/>
  <c r="I37" i="3"/>
  <c r="J37" i="3"/>
  <c r="K37" i="3"/>
  <c r="L37" i="3"/>
  <c r="M37" i="3"/>
  <c r="N37" i="3"/>
  <c r="O37" i="3"/>
  <c r="P37" i="3"/>
  <c r="F38" i="3"/>
  <c r="G38" i="3"/>
  <c r="H38" i="3"/>
  <c r="I38" i="3"/>
  <c r="J38" i="3"/>
  <c r="K38" i="3"/>
  <c r="L38" i="3"/>
  <c r="M38" i="3"/>
  <c r="N38" i="3"/>
  <c r="O38" i="3"/>
  <c r="P38" i="3"/>
  <c r="F39" i="3"/>
  <c r="G39" i="3"/>
  <c r="H39" i="3"/>
  <c r="I39" i="3"/>
  <c r="J39" i="3"/>
  <c r="K39" i="3"/>
  <c r="L39" i="3"/>
  <c r="M39" i="3"/>
  <c r="N39" i="3"/>
  <c r="O39" i="3"/>
  <c r="P39" i="3"/>
  <c r="F40" i="3"/>
  <c r="G40" i="3"/>
  <c r="H40" i="3"/>
  <c r="I40" i="3"/>
  <c r="J40" i="3"/>
  <c r="K40" i="3"/>
  <c r="L40" i="3"/>
  <c r="M40" i="3"/>
  <c r="N40" i="3"/>
  <c r="O40" i="3"/>
  <c r="P40" i="3"/>
  <c r="F41" i="3"/>
  <c r="G41" i="3"/>
  <c r="H41" i="3"/>
  <c r="I41" i="3"/>
  <c r="J41" i="3"/>
  <c r="K41" i="3"/>
  <c r="L41" i="3"/>
  <c r="M41" i="3"/>
  <c r="N41" i="3"/>
  <c r="O41" i="3"/>
  <c r="P41" i="3"/>
  <c r="F42" i="3"/>
  <c r="G42" i="3"/>
  <c r="H42" i="3"/>
  <c r="I42" i="3"/>
  <c r="J42" i="3"/>
  <c r="K42" i="3"/>
  <c r="L42" i="3"/>
  <c r="M42" i="3"/>
  <c r="N42" i="3"/>
  <c r="O42" i="3"/>
  <c r="P42" i="3"/>
  <c r="F43" i="3"/>
  <c r="G43" i="3"/>
  <c r="H43" i="3"/>
  <c r="I43" i="3"/>
  <c r="J43" i="3"/>
  <c r="K43" i="3"/>
  <c r="L43" i="3"/>
  <c r="M43" i="3"/>
  <c r="N43" i="3"/>
  <c r="O43" i="3"/>
  <c r="P43" i="3"/>
  <c r="F44" i="3"/>
  <c r="G44" i="3"/>
  <c r="H44" i="3"/>
  <c r="I44" i="3"/>
  <c r="J44" i="3"/>
  <c r="K44" i="3"/>
  <c r="L44" i="3"/>
  <c r="M44" i="3"/>
  <c r="N44" i="3"/>
  <c r="O44" i="3"/>
  <c r="P44" i="3"/>
  <c r="F45" i="3"/>
  <c r="G45" i="3"/>
  <c r="H45" i="3"/>
  <c r="I45" i="3"/>
  <c r="J45" i="3"/>
  <c r="K45" i="3"/>
  <c r="L45" i="3"/>
  <c r="M45" i="3"/>
  <c r="N45" i="3"/>
  <c r="O45" i="3"/>
  <c r="P45" i="3"/>
  <c r="F46" i="3"/>
  <c r="G46" i="3"/>
  <c r="H46" i="3"/>
  <c r="I46" i="3"/>
  <c r="J46" i="3"/>
  <c r="K46" i="3"/>
  <c r="L46" i="3"/>
  <c r="M46" i="3"/>
  <c r="N46" i="3"/>
  <c r="O46" i="3"/>
  <c r="P46" i="3"/>
  <c r="F47" i="3"/>
  <c r="G47" i="3"/>
  <c r="H47" i="3"/>
  <c r="I47" i="3"/>
  <c r="J47" i="3"/>
  <c r="K47" i="3"/>
  <c r="L47" i="3"/>
  <c r="M47" i="3"/>
  <c r="N47" i="3"/>
  <c r="O47" i="3"/>
  <c r="P47" i="3"/>
  <c r="F48" i="3"/>
  <c r="G48" i="3"/>
  <c r="H48" i="3"/>
  <c r="I48" i="3"/>
  <c r="J48" i="3"/>
  <c r="K48" i="3"/>
  <c r="L48" i="3"/>
  <c r="M48" i="3"/>
  <c r="N48" i="3"/>
  <c r="O48" i="3"/>
  <c r="P48" i="3"/>
  <c r="F49" i="3"/>
  <c r="G49" i="3"/>
  <c r="H49" i="3"/>
  <c r="I49" i="3"/>
  <c r="J49" i="3"/>
  <c r="K49" i="3"/>
  <c r="L49" i="3"/>
  <c r="M49" i="3"/>
  <c r="N49" i="3"/>
  <c r="O49" i="3"/>
  <c r="P49" i="3"/>
  <c r="F50" i="3"/>
  <c r="G50" i="3"/>
  <c r="H50" i="3"/>
  <c r="I50" i="3"/>
  <c r="J50" i="3"/>
  <c r="K50" i="3"/>
  <c r="L50" i="3"/>
  <c r="M50" i="3"/>
  <c r="N50" i="3"/>
  <c r="O50" i="3"/>
  <c r="P50" i="3"/>
  <c r="F51" i="3"/>
  <c r="G51" i="3"/>
  <c r="H51" i="3"/>
  <c r="I51" i="3"/>
  <c r="J51" i="3"/>
  <c r="K51" i="3"/>
  <c r="L51" i="3"/>
  <c r="M51" i="3"/>
  <c r="N51" i="3"/>
  <c r="O51" i="3"/>
  <c r="P51" i="3"/>
  <c r="P2" i="3"/>
  <c r="O2" i="3"/>
  <c r="N2" i="3"/>
  <c r="M2" i="3"/>
  <c r="L2" i="3"/>
  <c r="K2" i="3"/>
  <c r="J2" i="3"/>
</calcChain>
</file>

<file path=xl/sharedStrings.xml><?xml version="1.0" encoding="utf-8"?>
<sst xmlns="http://schemas.openxmlformats.org/spreadsheetml/2006/main" count="129" uniqueCount="72">
  <si>
    <t>外来業者駐車場利用許可申請書</t>
    <phoneticPr fontId="4"/>
  </si>
  <si>
    <t>　県立広島病院長　様</t>
    <phoneticPr fontId="4"/>
  </si>
  <si>
    <t>　次の業務のため，県立広島病院外来業者駐車場の利用許可を申請します。</t>
    <phoneticPr fontId="4"/>
  </si>
  <si>
    <t>　なお，駐車場内における事故等については，当社の責任において処理します。</t>
    <phoneticPr fontId="4"/>
  </si>
  <si>
    <t>納品</t>
  </si>
  <si>
    <t>保守</t>
  </si>
  <si>
    <t>営業</t>
  </si>
  <si>
    <t>受託</t>
  </si>
  <si>
    <t>集配</t>
  </si>
  <si>
    <t>車両
番号</t>
    <phoneticPr fontId="4"/>
  </si>
  <si>
    <t>利用
日数</t>
    <phoneticPr fontId="4"/>
  </si>
  <si>
    <t>利用
時間</t>
    <phoneticPr fontId="4"/>
  </si>
  <si>
    <t>緊急連絡先
（担当者：携帯番号）</t>
    <phoneticPr fontId="4"/>
  </si>
  <si>
    <t>業務内容</t>
    <phoneticPr fontId="4"/>
  </si>
  <si>
    <t>不定期</t>
  </si>
  <si>
    <t>※すべての業務内容を選択してください。その他の場合は次に記載してください。</t>
    <rPh sb="10" eb="12">
      <t>センタク</t>
    </rPh>
    <phoneticPr fontId="4"/>
  </si>
  <si>
    <r>
      <t>※利用日数は想定される週あたりの利用日数を</t>
    </r>
    <r>
      <rPr>
        <sz val="11"/>
        <color theme="1"/>
        <rFont val="ＭＳ Ｐ明朝"/>
        <family val="1"/>
        <charset val="128"/>
      </rPr>
      <t>1</t>
    </r>
    <r>
      <rPr>
        <sz val="11"/>
        <color theme="1"/>
        <rFont val="ＭＳ 明朝"/>
        <family val="1"/>
        <charset val="128"/>
      </rPr>
      <t>～</t>
    </r>
    <r>
      <rPr>
        <sz val="11"/>
        <color theme="1"/>
        <rFont val="ＭＳ Ｐ明朝"/>
        <family val="1"/>
        <charset val="128"/>
      </rPr>
      <t>7</t>
    </r>
    <r>
      <rPr>
        <sz val="11"/>
        <color theme="1"/>
        <rFont val="ＭＳ 明朝"/>
        <family val="1"/>
        <charset val="128"/>
      </rPr>
      <t>，不定期の中から選択して記載してください。</t>
    </r>
    <phoneticPr fontId="4"/>
  </si>
  <si>
    <r>
      <t>※利用時間は1回の駐車に想定される時間を</t>
    </r>
    <r>
      <rPr>
        <sz val="11"/>
        <color theme="1"/>
        <rFont val="ＭＳ Ｐ明朝"/>
        <family val="1"/>
        <charset val="128"/>
      </rPr>
      <t>2,4,6,8,8</t>
    </r>
    <r>
      <rPr>
        <sz val="11"/>
        <color theme="1"/>
        <rFont val="ＭＳ 明朝"/>
        <family val="1"/>
        <charset val="128"/>
      </rPr>
      <t>以上の中から選択して記載してください。</t>
    </r>
    <phoneticPr fontId="4"/>
  </si>
  <si>
    <t>その他</t>
    <rPh sb="2" eb="3">
      <t>タ</t>
    </rPh>
    <phoneticPr fontId="4"/>
  </si>
  <si>
    <t>申立</t>
    <rPh sb="0" eb="2">
      <t>モウシタテ</t>
    </rPh>
    <phoneticPr fontId="4"/>
  </si>
  <si>
    <t>…</t>
    <phoneticPr fontId="4"/>
  </si>
  <si>
    <t>……</t>
    <phoneticPr fontId="4"/>
  </si>
  <si>
    <t>薬剤，物品，食材等の納品業務</t>
    <phoneticPr fontId="4"/>
  </si>
  <si>
    <t>建物，設備，機器等の保守業務</t>
    <phoneticPr fontId="4"/>
  </si>
  <si>
    <t>商談等の営業活動</t>
    <phoneticPr fontId="4"/>
  </si>
  <si>
    <t>当院との契約に基づく受託業務</t>
    <phoneticPr fontId="4"/>
  </si>
  <si>
    <t>医療資機材の集配業務</t>
    <phoneticPr fontId="4"/>
  </si>
  <si>
    <t>…</t>
    <phoneticPr fontId="4"/>
  </si>
  <si>
    <t>…</t>
    <phoneticPr fontId="4"/>
  </si>
  <si>
    <t>…</t>
    <phoneticPr fontId="4"/>
  </si>
  <si>
    <t>【摘要】</t>
    <phoneticPr fontId="4"/>
  </si>
  <si>
    <r>
      <t>注）</t>
    </r>
    <r>
      <rPr>
        <sz val="11"/>
        <color theme="1"/>
        <rFont val="ＭＳ Ｐ明朝"/>
        <family val="1"/>
        <charset val="128"/>
      </rPr>
      <t>50</t>
    </r>
    <r>
      <rPr>
        <sz val="11"/>
        <color theme="1"/>
        <rFont val="ＭＳ 明朝"/>
        <family val="1"/>
        <charset val="128"/>
      </rPr>
      <t>以上の許可を申請する場合は，申請書を追加してください。</t>
    </r>
    <phoneticPr fontId="4"/>
  </si>
  <si>
    <t>納通交付</t>
    <phoneticPr fontId="4"/>
  </si>
  <si>
    <t>領収確認</t>
    <phoneticPr fontId="4"/>
  </si>
  <si>
    <t>番  号</t>
    <phoneticPr fontId="4"/>
  </si>
  <si>
    <t>理  由</t>
    <phoneticPr fontId="4"/>
  </si>
  <si>
    <t>年月日</t>
    <phoneticPr fontId="4"/>
  </si>
  <si>
    <t>【病院使用欄】</t>
    <phoneticPr fontId="4"/>
  </si>
  <si>
    <t>番号</t>
    <rPh sb="0" eb="2">
      <t>バンゴウ</t>
    </rPh>
    <phoneticPr fontId="4"/>
  </si>
  <si>
    <t>　利用期間：</t>
    <phoneticPr fontId="4"/>
  </si>
  <si>
    <t>〒：</t>
    <phoneticPr fontId="4"/>
  </si>
  <si>
    <t>所在地：</t>
    <phoneticPr fontId="4"/>
  </si>
  <si>
    <t>電話番号：</t>
    <phoneticPr fontId="4"/>
  </si>
  <si>
    <t>事業者名：</t>
    <phoneticPr fontId="4"/>
  </si>
  <si>
    <t>担当者名：</t>
    <phoneticPr fontId="4"/>
  </si>
  <si>
    <t>e-mail：</t>
    <phoneticPr fontId="4"/>
  </si>
  <si>
    <t>～</t>
    <phoneticPr fontId="4"/>
  </si>
  <si>
    <t>令和　　年　　月　　日</t>
    <phoneticPr fontId="4"/>
  </si>
  <si>
    <t>734-8530</t>
    <phoneticPr fontId="4"/>
  </si>
  <si>
    <t>広島市南区宇品神田一丁目5番54号</t>
    <phoneticPr fontId="4"/>
  </si>
  <si>
    <t>082-254-1818</t>
    <phoneticPr fontId="4"/>
  </si>
  <si>
    <t>県立広島病院株式会社</t>
    <phoneticPr fontId="4"/>
  </si>
  <si>
    <t>広島　一郎</t>
    <phoneticPr fontId="4"/>
  </si>
  <si>
    <t>○○○○@pref.hiroshima.lg.jp</t>
    <phoneticPr fontId="4"/>
  </si>
  <si>
    <t>山田</t>
    <phoneticPr fontId="4"/>
  </si>
  <si>
    <t>鈴木</t>
    <phoneticPr fontId="4"/>
  </si>
  <si>
    <t>090-xxxx-xxxx</t>
    <phoneticPr fontId="4"/>
  </si>
  <si>
    <t>※1234は5678と一緒に使います。5678の連絡先は山田：090-xxxx-xxxx</t>
    <phoneticPr fontId="4"/>
  </si>
  <si>
    <t>記載例</t>
    <rPh sb="0" eb="2">
      <t>キサイ</t>
    </rPh>
    <rPh sb="2" eb="3">
      <t>レイ</t>
    </rPh>
    <phoneticPr fontId="4"/>
  </si>
  <si>
    <t>事業者名</t>
    <rPh sb="0" eb="3">
      <t>ジギョウシャ</t>
    </rPh>
    <rPh sb="3" eb="4">
      <t>メイ</t>
    </rPh>
    <phoneticPr fontId="9"/>
  </si>
  <si>
    <t>担当者名</t>
    <rPh sb="0" eb="2">
      <t>タントウ</t>
    </rPh>
    <rPh sb="2" eb="3">
      <t>シャ</t>
    </rPh>
    <rPh sb="3" eb="4">
      <t>メイ</t>
    </rPh>
    <phoneticPr fontId="9"/>
  </si>
  <si>
    <t>郵便番号</t>
    <rPh sb="0" eb="4">
      <t>ユウビンバンゴウ</t>
    </rPh>
    <phoneticPr fontId="9"/>
  </si>
  <si>
    <t>住所</t>
  </si>
  <si>
    <t>利用
日数</t>
    <rPh sb="0" eb="2">
      <t>リヨウ</t>
    </rPh>
    <rPh sb="3" eb="5">
      <t>ニッスウ</t>
    </rPh>
    <phoneticPr fontId="9"/>
  </si>
  <si>
    <t>利用
時間</t>
    <rPh sb="0" eb="2">
      <t>リヨウ</t>
    </rPh>
    <rPh sb="3" eb="5">
      <t>ジカン</t>
    </rPh>
    <phoneticPr fontId="9"/>
  </si>
  <si>
    <t>担当</t>
    <rPh sb="0" eb="2">
      <t>タントウ</t>
    </rPh>
    <phoneticPr fontId="9"/>
  </si>
  <si>
    <t>携帯番号</t>
    <rPh sb="0" eb="2">
      <t>ケイタイ</t>
    </rPh>
    <rPh sb="2" eb="4">
      <t>バンゴウ</t>
    </rPh>
    <phoneticPr fontId="9"/>
  </si>
  <si>
    <t>e-mail</t>
    <phoneticPr fontId="9"/>
  </si>
  <si>
    <t>始期</t>
    <rPh sb="0" eb="2">
      <t>シキ</t>
    </rPh>
    <phoneticPr fontId="4"/>
  </si>
  <si>
    <t>終期</t>
    <rPh sb="0" eb="2">
      <t>シュウキ</t>
    </rPh>
    <phoneticPr fontId="4"/>
  </si>
  <si>
    <t>業務
内容</t>
    <rPh sb="0" eb="2">
      <t>ギョウム</t>
    </rPh>
    <rPh sb="3" eb="5">
      <t>ナイヨウ</t>
    </rPh>
    <phoneticPr fontId="9"/>
  </si>
  <si>
    <t>車両番号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2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1"/>
      <color theme="1"/>
      <name val="ＭＳ ゴシック"/>
      <family val="3"/>
      <charset val="128"/>
    </font>
    <font>
      <sz val="11"/>
      <color theme="1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sz val="12"/>
      <color theme="1"/>
      <name val="ＭＳ ゴシック"/>
      <family val="3"/>
      <charset val="128"/>
    </font>
    <font>
      <sz val="11"/>
      <color theme="1"/>
      <name val="ＭＳ Ｐゴシック"/>
      <family val="3"/>
      <charset val="128"/>
    </font>
    <font>
      <sz val="36"/>
      <color theme="1"/>
      <name val="ＭＳ ゴシック"/>
      <family val="3"/>
      <charset val="128"/>
    </font>
    <font>
      <sz val="10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10"/>
      <color theme="1"/>
      <name val="ＭＳ Ｐゴシック"/>
      <family val="2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2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ashed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02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center" vertical="center"/>
    </xf>
    <xf numFmtId="0" fontId="3" fillId="0" borderId="10" xfId="0" applyFont="1" applyBorder="1">
      <alignment vertical="center"/>
    </xf>
    <xf numFmtId="0" fontId="3" fillId="0" borderId="11" xfId="0" applyFont="1" applyBorder="1">
      <alignment vertical="center"/>
    </xf>
    <xf numFmtId="0" fontId="3" fillId="0" borderId="12" xfId="0" applyFont="1" applyBorder="1">
      <alignment vertical="center"/>
    </xf>
    <xf numFmtId="0" fontId="3" fillId="0" borderId="10" xfId="0" applyFont="1" applyBorder="1" applyAlignment="1">
      <alignment horizontal="right" vertical="center"/>
    </xf>
    <xf numFmtId="0" fontId="3" fillId="0" borderId="11" xfId="0" applyFont="1" applyBorder="1" applyAlignment="1">
      <alignment horizontal="center" vertical="center"/>
    </xf>
    <xf numFmtId="0" fontId="1" fillId="0" borderId="1" xfId="0" applyFont="1" applyBorder="1">
      <alignment vertical="center"/>
    </xf>
    <xf numFmtId="0" fontId="3" fillId="0" borderId="13" xfId="0" applyFont="1" applyBorder="1">
      <alignment vertical="center"/>
    </xf>
    <xf numFmtId="0" fontId="1" fillId="2" borderId="1" xfId="0" applyFont="1" applyFill="1" applyBorder="1" applyAlignment="1">
      <alignment horizontal="right" vertical="center"/>
    </xf>
    <xf numFmtId="0" fontId="3" fillId="2" borderId="1" xfId="0" applyFont="1" applyFill="1" applyBorder="1" applyAlignment="1">
      <alignment horizontal="center" vertical="center" wrapText="1"/>
    </xf>
    <xf numFmtId="0" fontId="3" fillId="0" borderId="0" xfId="0" applyFont="1" applyBorder="1">
      <alignment vertical="center"/>
    </xf>
    <xf numFmtId="0" fontId="8" fillId="2" borderId="1" xfId="0" applyFont="1" applyFill="1" applyBorder="1" applyAlignment="1">
      <alignment horizontal="center" vertical="center" wrapText="1"/>
    </xf>
    <xf numFmtId="0" fontId="8" fillId="2" borderId="1" xfId="0" applyFont="1" applyFill="1" applyBorder="1" applyAlignment="1">
      <alignment horizontal="center" vertical="center"/>
    </xf>
    <xf numFmtId="0" fontId="8" fillId="2" borderId="1" xfId="0" applyNumberFormat="1" applyFont="1" applyFill="1" applyBorder="1" applyAlignment="1">
      <alignment horizontal="center" vertical="center" wrapText="1"/>
    </xf>
    <xf numFmtId="0" fontId="8" fillId="2" borderId="0" xfId="0" applyFont="1" applyFill="1" applyAlignment="1">
      <alignment horizontal="center" vertical="center"/>
    </xf>
    <xf numFmtId="0" fontId="8" fillId="0" borderId="1" xfId="0" applyFont="1" applyFill="1" applyBorder="1" applyAlignment="1">
      <alignment horizontal="center" vertical="center"/>
    </xf>
    <xf numFmtId="0" fontId="8" fillId="0" borderId="0" xfId="0" applyFont="1" applyFill="1" applyAlignment="1">
      <alignment horizontal="center" vertical="center"/>
    </xf>
    <xf numFmtId="0" fontId="8" fillId="0" borderId="1" xfId="0" applyFont="1" applyFill="1" applyBorder="1" applyAlignment="1">
      <alignment horizontal="left" vertical="center"/>
    </xf>
    <xf numFmtId="0" fontId="8" fillId="0" borderId="0" xfId="0" applyFont="1" applyFill="1">
      <alignment vertical="center"/>
    </xf>
    <xf numFmtId="0" fontId="8" fillId="0" borderId="1" xfId="0" applyNumberFormat="1" applyFont="1" applyFill="1" applyBorder="1" applyAlignment="1">
      <alignment horizontal="left" vertical="center" wrapText="1"/>
    </xf>
    <xf numFmtId="0" fontId="8" fillId="0" borderId="0" xfId="0" applyNumberFormat="1" applyFont="1" applyFill="1" applyAlignment="1">
      <alignment horizontal="left" vertical="center" wrapText="1"/>
    </xf>
    <xf numFmtId="0" fontId="8" fillId="0" borderId="0" xfId="0" applyFont="1" applyFill="1" applyAlignment="1">
      <alignment horizontal="left" vertical="center"/>
    </xf>
    <xf numFmtId="0" fontId="8" fillId="0" borderId="0" xfId="0" applyFont="1" applyFill="1" applyAlignment="1">
      <alignment horizontal="right" vertical="center"/>
    </xf>
    <xf numFmtId="0" fontId="10" fillId="0" borderId="1" xfId="0" applyFont="1" applyFill="1" applyBorder="1" applyAlignment="1">
      <alignment horizontal="center" vertical="center"/>
    </xf>
    <xf numFmtId="0" fontId="10" fillId="0" borderId="1" xfId="0" applyFont="1" applyFill="1" applyBorder="1" applyAlignment="1">
      <alignment horizontal="left" vertical="center"/>
    </xf>
    <xf numFmtId="0" fontId="10" fillId="0" borderId="1" xfId="0" applyNumberFormat="1" applyFont="1" applyFill="1" applyBorder="1" applyAlignment="1">
      <alignment horizontal="left" vertical="center" wrapText="1"/>
    </xf>
    <xf numFmtId="0" fontId="6" fillId="0" borderId="1" xfId="0" applyFont="1" applyBorder="1" applyAlignment="1" applyProtection="1">
      <alignment horizontal="center" vertical="center"/>
      <protection locked="0"/>
    </xf>
    <xf numFmtId="0" fontId="6" fillId="0" borderId="1" xfId="0" applyNumberFormat="1" applyFont="1" applyBorder="1" applyAlignment="1" applyProtection="1">
      <alignment horizontal="center" vertical="center"/>
      <protection locked="0"/>
    </xf>
    <xf numFmtId="0" fontId="6" fillId="0" borderId="14" xfId="0" applyFont="1" applyBorder="1" applyAlignment="1" applyProtection="1">
      <alignment horizontal="center" vertical="center"/>
      <protection locked="0"/>
    </xf>
    <xf numFmtId="0" fontId="6" fillId="0" borderId="14" xfId="0" applyFont="1" applyBorder="1" applyProtection="1">
      <alignment vertical="center"/>
      <protection locked="0"/>
    </xf>
    <xf numFmtId="0" fontId="3" fillId="0" borderId="1" xfId="0" applyFont="1" applyBorder="1" applyAlignment="1" applyProtection="1">
      <alignment horizontal="center" vertical="center"/>
      <protection locked="0"/>
    </xf>
    <xf numFmtId="0" fontId="1" fillId="0" borderId="1" xfId="0" applyFont="1" applyBorder="1" applyProtection="1">
      <alignment vertical="center"/>
      <protection locked="0"/>
    </xf>
    <xf numFmtId="57" fontId="11" fillId="0" borderId="1" xfId="0" applyNumberFormat="1" applyFont="1" applyFill="1" applyBorder="1">
      <alignment vertical="center"/>
    </xf>
    <xf numFmtId="0" fontId="11" fillId="0" borderId="0" xfId="0" applyFont="1" applyFill="1">
      <alignment vertical="center"/>
    </xf>
    <xf numFmtId="0" fontId="6" fillId="0" borderId="1" xfId="0" applyFont="1" applyBorder="1" applyAlignment="1" applyProtection="1">
      <alignment horizontal="center" vertical="center"/>
    </xf>
    <xf numFmtId="0" fontId="6" fillId="0" borderId="1" xfId="0" applyNumberFormat="1" applyFont="1" applyBorder="1" applyAlignment="1" applyProtection="1">
      <alignment horizontal="center" vertical="center"/>
    </xf>
    <xf numFmtId="0" fontId="6" fillId="0" borderId="14" xfId="0" applyFont="1" applyBorder="1" applyAlignment="1" applyProtection="1">
      <alignment horizontal="center" vertical="center"/>
    </xf>
    <xf numFmtId="0" fontId="3" fillId="0" borderId="1" xfId="0" applyFont="1" applyBorder="1" applyAlignment="1" applyProtection="1">
      <alignment horizontal="center" vertical="center"/>
    </xf>
    <xf numFmtId="0" fontId="3" fillId="0" borderId="1" xfId="0" applyFont="1" applyBorder="1" applyProtection="1">
      <alignment vertical="center"/>
    </xf>
    <xf numFmtId="0" fontId="1" fillId="0" borderId="1" xfId="0" applyNumberFormat="1" applyFont="1" applyBorder="1" applyAlignment="1" applyProtection="1">
      <alignment horizontal="center" vertical="center"/>
    </xf>
    <xf numFmtId="0" fontId="1" fillId="0" borderId="1" xfId="0" applyFont="1" applyBorder="1" applyAlignment="1" applyProtection="1">
      <alignment horizontal="center" vertical="center"/>
    </xf>
    <xf numFmtId="0" fontId="1" fillId="0" borderId="1" xfId="0" applyFont="1" applyBorder="1" applyProtection="1">
      <alignment vertical="center"/>
    </xf>
    <xf numFmtId="0" fontId="3" fillId="0" borderId="14" xfId="0" applyFont="1" applyBorder="1" applyProtection="1">
      <alignment vertical="center"/>
    </xf>
    <xf numFmtId="0" fontId="5" fillId="0" borderId="0" xfId="0" applyFont="1" applyAlignment="1">
      <alignment horizontal="center" vertical="center"/>
    </xf>
    <xf numFmtId="0" fontId="6" fillId="0" borderId="8" xfId="0" applyFont="1" applyBorder="1" applyAlignment="1" applyProtection="1">
      <alignment horizontal="left" vertical="center"/>
      <protection locked="0"/>
    </xf>
    <xf numFmtId="58" fontId="1" fillId="0" borderId="0" xfId="0" applyNumberFormat="1" applyFont="1" applyBorder="1" applyAlignment="1" applyProtection="1">
      <alignment horizontal="right" vertical="center" indent="1"/>
      <protection locked="0"/>
    </xf>
    <xf numFmtId="0" fontId="6" fillId="0" borderId="15" xfId="0" applyFont="1" applyBorder="1" applyAlignment="1" applyProtection="1">
      <alignment horizontal="left" vertical="center"/>
      <protection locked="0"/>
    </xf>
    <xf numFmtId="0" fontId="6" fillId="0" borderId="16" xfId="0" applyFont="1" applyBorder="1" applyAlignment="1" applyProtection="1">
      <alignment horizontal="left" vertical="center"/>
      <protection locked="0"/>
    </xf>
    <xf numFmtId="0" fontId="3" fillId="0" borderId="0" xfId="0" applyFont="1" applyAlignment="1">
      <alignment horizontal="right" vertical="center"/>
    </xf>
    <xf numFmtId="0" fontId="1" fillId="0" borderId="0" xfId="0" applyFont="1" applyAlignment="1">
      <alignment horizontal="right" vertical="center"/>
    </xf>
    <xf numFmtId="0" fontId="3" fillId="2" borderId="1" xfId="0" applyFont="1" applyFill="1" applyBorder="1" applyAlignment="1">
      <alignment horizontal="center" vertical="center"/>
    </xf>
    <xf numFmtId="0" fontId="3" fillId="0" borderId="1" xfId="0" applyFont="1" applyBorder="1" applyAlignment="1" applyProtection="1">
      <alignment horizontal="left" vertical="center"/>
      <protection locked="0"/>
    </xf>
    <xf numFmtId="58" fontId="1" fillId="0" borderId="1" xfId="0" applyNumberFormat="1" applyFont="1" applyBorder="1" applyAlignment="1" applyProtection="1">
      <alignment horizontal="center" vertical="center"/>
      <protection locked="0"/>
    </xf>
    <xf numFmtId="0" fontId="3" fillId="0" borderId="2" xfId="0" applyFont="1" applyFill="1" applyBorder="1" applyAlignment="1" applyProtection="1">
      <alignment horizontal="center" vertical="center"/>
      <protection locked="0"/>
    </xf>
    <xf numFmtId="0" fontId="3" fillId="0" borderId="4" xfId="0" applyFont="1" applyFill="1" applyBorder="1" applyAlignment="1" applyProtection="1">
      <alignment horizontal="center" vertical="center"/>
      <protection locked="0"/>
    </xf>
    <xf numFmtId="0" fontId="3" fillId="0" borderId="7" xfId="0" applyFont="1" applyFill="1" applyBorder="1" applyAlignment="1" applyProtection="1">
      <alignment horizontal="center" vertical="center"/>
      <protection locked="0"/>
    </xf>
    <xf numFmtId="0" fontId="3" fillId="0" borderId="9" xfId="0" applyFont="1" applyFill="1" applyBorder="1" applyAlignment="1" applyProtection="1">
      <alignment horizontal="center" vertical="center"/>
      <protection locked="0"/>
    </xf>
    <xf numFmtId="58" fontId="6" fillId="0" borderId="8" xfId="0" applyNumberFormat="1" applyFont="1" applyBorder="1" applyAlignment="1" applyProtection="1">
      <alignment horizontal="center" vertical="center"/>
      <protection locked="0"/>
    </xf>
    <xf numFmtId="0" fontId="3" fillId="2" borderId="1" xfId="0" applyFont="1" applyFill="1" applyBorder="1" applyAlignment="1">
      <alignment horizontal="center" vertical="center" wrapText="1"/>
    </xf>
    <xf numFmtId="0" fontId="6" fillId="0" borderId="2" xfId="0" applyFont="1" applyBorder="1" applyAlignment="1" applyProtection="1">
      <alignment horizontal="left" vertical="top" wrapText="1"/>
      <protection locked="0"/>
    </xf>
    <xf numFmtId="0" fontId="6" fillId="0" borderId="3" xfId="0" applyFont="1" applyBorder="1" applyAlignment="1" applyProtection="1">
      <alignment horizontal="left" vertical="top" wrapText="1"/>
      <protection locked="0"/>
    </xf>
    <xf numFmtId="0" fontId="6" fillId="0" borderId="4" xfId="0" applyFont="1" applyBorder="1" applyAlignment="1" applyProtection="1">
      <alignment horizontal="left" vertical="top" wrapText="1"/>
      <protection locked="0"/>
    </xf>
    <xf numFmtId="0" fontId="6" fillId="0" borderId="5" xfId="0" applyFont="1" applyBorder="1" applyAlignment="1" applyProtection="1">
      <alignment horizontal="left" vertical="top" wrapText="1"/>
      <protection locked="0"/>
    </xf>
    <xf numFmtId="0" fontId="6" fillId="0" borderId="0" xfId="0" applyFont="1" applyBorder="1" applyAlignment="1" applyProtection="1">
      <alignment horizontal="left" vertical="top" wrapText="1"/>
      <protection locked="0"/>
    </xf>
    <xf numFmtId="0" fontId="6" fillId="0" borderId="6" xfId="0" applyFont="1" applyBorder="1" applyAlignment="1" applyProtection="1">
      <alignment horizontal="left" vertical="top" wrapText="1"/>
      <protection locked="0"/>
    </xf>
    <xf numFmtId="0" fontId="6" fillId="0" borderId="7" xfId="0" applyFont="1" applyBorder="1" applyAlignment="1" applyProtection="1">
      <alignment horizontal="left" vertical="top" wrapText="1"/>
      <protection locked="0"/>
    </xf>
    <xf numFmtId="0" fontId="6" fillId="0" borderId="8" xfId="0" applyFont="1" applyBorder="1" applyAlignment="1" applyProtection="1">
      <alignment horizontal="left" vertical="top" wrapText="1"/>
      <protection locked="0"/>
    </xf>
    <xf numFmtId="0" fontId="6" fillId="0" borderId="9" xfId="0" applyFont="1" applyBorder="1" applyAlignment="1" applyProtection="1">
      <alignment horizontal="left" vertical="top" wrapText="1"/>
      <protection locked="0"/>
    </xf>
    <xf numFmtId="0" fontId="3" fillId="0" borderId="1" xfId="0" applyFont="1" applyBorder="1" applyAlignment="1" applyProtection="1">
      <alignment horizontal="left" vertical="center"/>
    </xf>
    <xf numFmtId="0" fontId="7" fillId="0" borderId="17" xfId="0" applyFont="1" applyBorder="1" applyAlignment="1">
      <alignment horizontal="center" vertical="center"/>
    </xf>
    <xf numFmtId="0" fontId="7" fillId="0" borderId="18" xfId="0" applyFont="1" applyBorder="1" applyAlignment="1">
      <alignment horizontal="center" vertical="center"/>
    </xf>
    <xf numFmtId="0" fontId="7" fillId="0" borderId="19" xfId="0" applyFont="1" applyBorder="1" applyAlignment="1">
      <alignment horizontal="center" vertical="center"/>
    </xf>
    <xf numFmtId="0" fontId="7" fillId="0" borderId="20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7" fillId="0" borderId="21" xfId="0" applyFont="1" applyBorder="1" applyAlignment="1">
      <alignment horizontal="center" vertical="center"/>
    </xf>
    <xf numFmtId="0" fontId="7" fillId="0" borderId="22" xfId="0" applyFont="1" applyBorder="1" applyAlignment="1">
      <alignment horizontal="center" vertical="center"/>
    </xf>
    <xf numFmtId="0" fontId="7" fillId="0" borderId="23" xfId="0" applyFont="1" applyBorder="1" applyAlignment="1">
      <alignment horizontal="center" vertical="center"/>
    </xf>
    <xf numFmtId="0" fontId="7" fillId="0" borderId="24" xfId="0" applyFont="1" applyBorder="1" applyAlignment="1">
      <alignment horizontal="center" vertical="center"/>
    </xf>
    <xf numFmtId="0" fontId="1" fillId="0" borderId="15" xfId="0" applyFont="1" applyBorder="1" applyAlignment="1" applyProtection="1">
      <alignment horizontal="left" vertical="center"/>
    </xf>
    <xf numFmtId="0" fontId="1" fillId="0" borderId="16" xfId="0" applyFont="1" applyBorder="1" applyAlignment="1" applyProtection="1">
      <alignment horizontal="left" vertical="center"/>
    </xf>
    <xf numFmtId="0" fontId="6" fillId="0" borderId="2" xfId="0" applyFont="1" applyBorder="1" applyAlignment="1" applyProtection="1">
      <alignment horizontal="left" vertical="top" wrapText="1"/>
    </xf>
    <xf numFmtId="0" fontId="6" fillId="0" borderId="3" xfId="0" applyFont="1" applyBorder="1" applyAlignment="1" applyProtection="1">
      <alignment horizontal="left" vertical="top" wrapText="1"/>
    </xf>
    <xf numFmtId="0" fontId="6" fillId="0" borderId="4" xfId="0" applyFont="1" applyBorder="1" applyAlignment="1" applyProtection="1">
      <alignment horizontal="left" vertical="top" wrapText="1"/>
    </xf>
    <xf numFmtId="0" fontId="6" fillId="0" borderId="5" xfId="0" applyFont="1" applyBorder="1" applyAlignment="1" applyProtection="1">
      <alignment horizontal="left" vertical="top" wrapText="1"/>
    </xf>
    <xf numFmtId="0" fontId="6" fillId="0" borderId="0" xfId="0" applyFont="1" applyBorder="1" applyAlignment="1" applyProtection="1">
      <alignment horizontal="left" vertical="top" wrapText="1"/>
    </xf>
    <xf numFmtId="0" fontId="6" fillId="0" borderId="6" xfId="0" applyFont="1" applyBorder="1" applyAlignment="1" applyProtection="1">
      <alignment horizontal="left" vertical="top" wrapText="1"/>
    </xf>
    <xf numFmtId="0" fontId="6" fillId="0" borderId="7" xfId="0" applyFont="1" applyBorder="1" applyAlignment="1" applyProtection="1">
      <alignment horizontal="left" vertical="top" wrapText="1"/>
    </xf>
    <xf numFmtId="0" fontId="6" fillId="0" borderId="8" xfId="0" applyFont="1" applyBorder="1" applyAlignment="1" applyProtection="1">
      <alignment horizontal="left" vertical="top" wrapText="1"/>
    </xf>
    <xf numFmtId="0" fontId="6" fillId="0" borderId="9" xfId="0" applyFont="1" applyBorder="1" applyAlignment="1" applyProtection="1">
      <alignment horizontal="left" vertical="top" wrapText="1"/>
    </xf>
    <xf numFmtId="0" fontId="3" fillId="0" borderId="2" xfId="0" applyFont="1" applyFill="1" applyBorder="1" applyAlignment="1" applyProtection="1">
      <alignment horizontal="center" vertical="center"/>
    </xf>
    <xf numFmtId="0" fontId="3" fillId="0" borderId="4" xfId="0" applyFont="1" applyFill="1" applyBorder="1" applyAlignment="1" applyProtection="1">
      <alignment horizontal="center" vertical="center"/>
    </xf>
    <xf numFmtId="0" fontId="3" fillId="0" borderId="7" xfId="0" applyFont="1" applyFill="1" applyBorder="1" applyAlignment="1" applyProtection="1">
      <alignment horizontal="center" vertical="center"/>
    </xf>
    <xf numFmtId="0" fontId="3" fillId="0" borderId="9" xfId="0" applyFont="1" applyFill="1" applyBorder="1" applyAlignment="1" applyProtection="1">
      <alignment horizontal="center" vertical="center"/>
    </xf>
    <xf numFmtId="58" fontId="1" fillId="0" borderId="1" xfId="0" applyNumberFormat="1" applyFont="1" applyBorder="1" applyAlignment="1" applyProtection="1">
      <alignment horizontal="center" vertical="center"/>
    </xf>
    <xf numFmtId="0" fontId="6" fillId="0" borderId="15" xfId="0" applyFont="1" applyBorder="1" applyAlignment="1" applyProtection="1">
      <alignment horizontal="left" vertical="center"/>
    </xf>
    <xf numFmtId="0" fontId="6" fillId="0" borderId="16" xfId="0" applyFont="1" applyBorder="1" applyAlignment="1" applyProtection="1">
      <alignment horizontal="left" vertical="center"/>
    </xf>
    <xf numFmtId="0" fontId="6" fillId="0" borderId="8" xfId="0" applyFont="1" applyBorder="1" applyAlignment="1" applyProtection="1">
      <alignment horizontal="left" vertical="center"/>
    </xf>
    <xf numFmtId="58" fontId="6" fillId="0" borderId="8" xfId="0" applyNumberFormat="1" applyFont="1" applyBorder="1" applyAlignment="1" applyProtection="1">
      <alignment horizontal="center" vertical="center"/>
    </xf>
    <xf numFmtId="58" fontId="1" fillId="0" borderId="0" xfId="0" applyNumberFormat="1" applyFont="1" applyBorder="1" applyAlignment="1" applyProtection="1">
      <alignment horizontal="right" vertical="center" inden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81"/>
  <sheetViews>
    <sheetView tabSelected="1" view="pageBreakPreview" zoomScaleNormal="100" zoomScaleSheetLayoutView="100" workbookViewId="0">
      <selection activeCell="H3" sqref="H3"/>
    </sheetView>
  </sheetViews>
  <sheetFormatPr defaultColWidth="6.75" defaultRowHeight="19.899999999999999" customHeight="1" x14ac:dyDescent="0.15"/>
  <cols>
    <col min="1" max="16384" width="6.75" style="2"/>
  </cols>
  <sheetData>
    <row r="1" spans="1:14" ht="19.899999999999999" customHeight="1" x14ac:dyDescent="0.15">
      <c r="A1" s="46" t="s">
        <v>0</v>
      </c>
      <c r="B1" s="46"/>
      <c r="C1" s="46"/>
      <c r="D1" s="46"/>
      <c r="E1" s="46"/>
      <c r="F1" s="46"/>
      <c r="G1" s="46"/>
      <c r="H1" s="46"/>
      <c r="I1" s="46"/>
      <c r="J1" s="46"/>
      <c r="K1" s="46"/>
      <c r="L1" s="46"/>
      <c r="M1" s="46"/>
      <c r="N1" s="46"/>
    </row>
    <row r="2" spans="1:14" ht="19.899999999999999" customHeight="1" x14ac:dyDescent="0.15">
      <c r="K2" s="13"/>
      <c r="L2" s="13"/>
      <c r="M2" s="13"/>
      <c r="N2" s="13"/>
    </row>
    <row r="3" spans="1:14" ht="19.899999999999999" customHeight="1" x14ac:dyDescent="0.15">
      <c r="K3" s="48" t="s">
        <v>47</v>
      </c>
      <c r="L3" s="48"/>
      <c r="M3" s="48"/>
      <c r="N3" s="48"/>
    </row>
    <row r="4" spans="1:14" ht="19.899999999999999" customHeight="1" x14ac:dyDescent="0.15">
      <c r="K4" s="13"/>
      <c r="L4" s="13"/>
      <c r="M4" s="13"/>
      <c r="N4" s="13"/>
    </row>
    <row r="5" spans="1:14" ht="19.899999999999999" customHeight="1" x14ac:dyDescent="0.15">
      <c r="A5" s="2" t="s">
        <v>1</v>
      </c>
    </row>
    <row r="7" spans="1:14" ht="19.899999999999999" customHeight="1" x14ac:dyDescent="0.15">
      <c r="A7" s="51" t="s">
        <v>40</v>
      </c>
      <c r="B7" s="51"/>
      <c r="C7" s="51"/>
      <c r="D7" s="51"/>
      <c r="E7" s="51"/>
      <c r="F7" s="51"/>
      <c r="G7" s="51"/>
      <c r="H7" s="47"/>
      <c r="I7" s="47"/>
      <c r="J7" s="47"/>
      <c r="K7" s="47"/>
      <c r="L7" s="47"/>
      <c r="M7" s="47"/>
      <c r="N7" s="47"/>
    </row>
    <row r="8" spans="1:14" ht="19.899999999999999" customHeight="1" x14ac:dyDescent="0.15">
      <c r="A8" s="51" t="s">
        <v>41</v>
      </c>
      <c r="B8" s="51"/>
      <c r="C8" s="51"/>
      <c r="D8" s="51"/>
      <c r="E8" s="51"/>
      <c r="F8" s="51"/>
      <c r="G8" s="51"/>
      <c r="H8" s="47"/>
      <c r="I8" s="47"/>
      <c r="J8" s="47"/>
      <c r="K8" s="47"/>
      <c r="L8" s="47"/>
      <c r="M8" s="47"/>
      <c r="N8" s="47"/>
    </row>
    <row r="9" spans="1:14" ht="19.899999999999999" customHeight="1" x14ac:dyDescent="0.15">
      <c r="A9" s="51" t="s">
        <v>42</v>
      </c>
      <c r="B9" s="51"/>
      <c r="C9" s="51"/>
      <c r="D9" s="51"/>
      <c r="E9" s="51"/>
      <c r="F9" s="51"/>
      <c r="G9" s="51"/>
      <c r="H9" s="47"/>
      <c r="I9" s="47"/>
      <c r="J9" s="47"/>
      <c r="K9" s="47"/>
      <c r="L9" s="47"/>
      <c r="M9" s="47"/>
      <c r="N9" s="47"/>
    </row>
    <row r="10" spans="1:14" ht="19.899999999999999" customHeight="1" x14ac:dyDescent="0.15">
      <c r="A10" s="51" t="s">
        <v>43</v>
      </c>
      <c r="B10" s="51"/>
      <c r="C10" s="51"/>
      <c r="D10" s="51"/>
      <c r="E10" s="51"/>
      <c r="F10" s="51"/>
      <c r="G10" s="51"/>
      <c r="H10" s="47"/>
      <c r="I10" s="47"/>
      <c r="J10" s="47"/>
      <c r="K10" s="47"/>
      <c r="L10" s="47"/>
      <c r="M10" s="47"/>
      <c r="N10" s="47"/>
    </row>
    <row r="11" spans="1:14" ht="19.899999999999999" customHeight="1" x14ac:dyDescent="0.15">
      <c r="A11" s="51" t="s">
        <v>44</v>
      </c>
      <c r="B11" s="51"/>
      <c r="C11" s="51"/>
      <c r="D11" s="51"/>
      <c r="E11" s="51"/>
      <c r="F11" s="51"/>
      <c r="G11" s="51"/>
      <c r="H11" s="47"/>
      <c r="I11" s="47"/>
      <c r="J11" s="47"/>
      <c r="K11" s="47"/>
      <c r="L11" s="47"/>
      <c r="M11" s="47"/>
      <c r="N11" s="47"/>
    </row>
    <row r="12" spans="1:14" ht="19.899999999999999" customHeight="1" x14ac:dyDescent="0.15">
      <c r="A12" s="52" t="s">
        <v>45</v>
      </c>
      <c r="B12" s="52"/>
      <c r="C12" s="52"/>
      <c r="D12" s="52"/>
      <c r="E12" s="52"/>
      <c r="F12" s="52"/>
      <c r="G12" s="52"/>
      <c r="H12" s="47"/>
      <c r="I12" s="47"/>
      <c r="J12" s="47"/>
      <c r="K12" s="47"/>
      <c r="L12" s="47"/>
      <c r="M12" s="47"/>
      <c r="N12" s="47"/>
    </row>
    <row r="14" spans="1:14" ht="19.899999999999999" customHeight="1" x14ac:dyDescent="0.15">
      <c r="A14" s="2" t="s">
        <v>2</v>
      </c>
    </row>
    <row r="15" spans="1:14" ht="19.899999999999999" customHeight="1" x14ac:dyDescent="0.15">
      <c r="A15" s="2" t="s">
        <v>3</v>
      </c>
    </row>
    <row r="16" spans="1:14" ht="19.899999999999999" customHeight="1" x14ac:dyDescent="0.15">
      <c r="A16" s="2" t="s">
        <v>39</v>
      </c>
      <c r="C16" s="60"/>
      <c r="D16" s="60"/>
      <c r="E16" s="60"/>
      <c r="F16" s="60"/>
      <c r="G16" s="3" t="s">
        <v>46</v>
      </c>
      <c r="H16" s="60"/>
      <c r="I16" s="60"/>
      <c r="J16" s="60"/>
      <c r="K16" s="60"/>
    </row>
    <row r="17" spans="1:14" ht="30" customHeight="1" x14ac:dyDescent="0.15">
      <c r="A17" s="11" t="s">
        <v>38</v>
      </c>
      <c r="B17" s="53" t="s">
        <v>13</v>
      </c>
      <c r="C17" s="53"/>
      <c r="D17" s="53"/>
      <c r="E17" s="53"/>
      <c r="F17" s="53"/>
      <c r="G17" s="53"/>
      <c r="H17" s="12" t="s">
        <v>9</v>
      </c>
      <c r="I17" s="12" t="s">
        <v>10</v>
      </c>
      <c r="J17" s="12" t="s">
        <v>11</v>
      </c>
      <c r="K17" s="61" t="s">
        <v>12</v>
      </c>
      <c r="L17" s="61"/>
      <c r="M17" s="61"/>
      <c r="N17" s="61"/>
    </row>
    <row r="18" spans="1:14" ht="19.899999999999999" customHeight="1" x14ac:dyDescent="0.15">
      <c r="A18" s="9">
        <v>1</v>
      </c>
      <c r="B18" s="29"/>
      <c r="C18" s="29"/>
      <c r="D18" s="29"/>
      <c r="E18" s="29"/>
      <c r="F18" s="29"/>
      <c r="G18" s="29"/>
      <c r="H18" s="29"/>
      <c r="I18" s="30"/>
      <c r="J18" s="29"/>
      <c r="K18" s="31"/>
      <c r="L18" s="49"/>
      <c r="M18" s="49"/>
      <c r="N18" s="50"/>
    </row>
    <row r="19" spans="1:14" ht="19.899999999999999" customHeight="1" x14ac:dyDescent="0.15">
      <c r="A19" s="9">
        <v>2</v>
      </c>
      <c r="B19" s="29"/>
      <c r="C19" s="29"/>
      <c r="D19" s="29"/>
      <c r="E19" s="29"/>
      <c r="F19" s="29"/>
      <c r="G19" s="29"/>
      <c r="H19" s="29"/>
      <c r="I19" s="30"/>
      <c r="J19" s="29"/>
      <c r="K19" s="31"/>
      <c r="L19" s="49"/>
      <c r="M19" s="49"/>
      <c r="N19" s="50"/>
    </row>
    <row r="20" spans="1:14" ht="19.899999999999999" customHeight="1" x14ac:dyDescent="0.15">
      <c r="A20" s="9">
        <v>3</v>
      </c>
      <c r="B20" s="29"/>
      <c r="C20" s="29"/>
      <c r="D20" s="29"/>
      <c r="E20" s="29"/>
      <c r="F20" s="29"/>
      <c r="G20" s="29"/>
      <c r="H20" s="29"/>
      <c r="I20" s="30"/>
      <c r="J20" s="29"/>
      <c r="K20" s="32"/>
      <c r="L20" s="49"/>
      <c r="M20" s="49"/>
      <c r="N20" s="50"/>
    </row>
    <row r="21" spans="1:14" ht="19.899999999999999" customHeight="1" x14ac:dyDescent="0.15">
      <c r="A21" s="9">
        <v>4</v>
      </c>
      <c r="B21" s="29"/>
      <c r="C21" s="29"/>
      <c r="D21" s="29"/>
      <c r="E21" s="29"/>
      <c r="F21" s="29"/>
      <c r="G21" s="29"/>
      <c r="H21" s="29"/>
      <c r="I21" s="30"/>
      <c r="J21" s="29"/>
      <c r="K21" s="32"/>
      <c r="L21" s="49"/>
      <c r="M21" s="49"/>
      <c r="N21" s="50"/>
    </row>
    <row r="22" spans="1:14" ht="19.899999999999999" customHeight="1" x14ac:dyDescent="0.15">
      <c r="A22" s="9">
        <v>5</v>
      </c>
      <c r="B22" s="29"/>
      <c r="C22" s="29"/>
      <c r="D22" s="29"/>
      <c r="E22" s="29"/>
      <c r="F22" s="29"/>
      <c r="G22" s="29"/>
      <c r="H22" s="29"/>
      <c r="I22" s="30"/>
      <c r="J22" s="29"/>
      <c r="K22" s="32"/>
      <c r="L22" s="49"/>
      <c r="M22" s="49"/>
      <c r="N22" s="50"/>
    </row>
    <row r="23" spans="1:14" ht="19.899999999999999" customHeight="1" x14ac:dyDescent="0.15">
      <c r="A23" s="9">
        <v>6</v>
      </c>
      <c r="B23" s="29"/>
      <c r="C23" s="29"/>
      <c r="D23" s="29"/>
      <c r="E23" s="29"/>
      <c r="F23" s="29"/>
      <c r="G23" s="29"/>
      <c r="H23" s="29"/>
      <c r="I23" s="30"/>
      <c r="J23" s="29"/>
      <c r="K23" s="32"/>
      <c r="L23" s="49"/>
      <c r="M23" s="49"/>
      <c r="N23" s="50"/>
    </row>
    <row r="24" spans="1:14" ht="19.899999999999999" customHeight="1" x14ac:dyDescent="0.15">
      <c r="A24" s="9">
        <v>7</v>
      </c>
      <c r="B24" s="29"/>
      <c r="C24" s="29"/>
      <c r="D24" s="29"/>
      <c r="E24" s="29"/>
      <c r="F24" s="29"/>
      <c r="G24" s="29"/>
      <c r="H24" s="29"/>
      <c r="I24" s="30"/>
      <c r="J24" s="29"/>
      <c r="K24" s="32"/>
      <c r="L24" s="49"/>
      <c r="M24" s="49"/>
      <c r="N24" s="50"/>
    </row>
    <row r="25" spans="1:14" ht="19.899999999999999" customHeight="1" x14ac:dyDescent="0.15">
      <c r="A25" s="9">
        <v>8</v>
      </c>
      <c r="B25" s="29"/>
      <c r="C25" s="29"/>
      <c r="D25" s="29"/>
      <c r="E25" s="29"/>
      <c r="F25" s="29"/>
      <c r="G25" s="29"/>
      <c r="H25" s="29"/>
      <c r="I25" s="30"/>
      <c r="J25" s="29"/>
      <c r="K25" s="32"/>
      <c r="L25" s="49"/>
      <c r="M25" s="49"/>
      <c r="N25" s="50"/>
    </row>
    <row r="26" spans="1:14" ht="19.899999999999999" customHeight="1" x14ac:dyDescent="0.15">
      <c r="A26" s="9">
        <v>9</v>
      </c>
      <c r="B26" s="29"/>
      <c r="C26" s="29"/>
      <c r="D26" s="29"/>
      <c r="E26" s="29"/>
      <c r="F26" s="29"/>
      <c r="G26" s="29"/>
      <c r="H26" s="29"/>
      <c r="I26" s="30"/>
      <c r="J26" s="29"/>
      <c r="K26" s="32"/>
      <c r="L26" s="49"/>
      <c r="M26" s="49"/>
      <c r="N26" s="50"/>
    </row>
    <row r="27" spans="1:14" ht="19.899999999999999" customHeight="1" x14ac:dyDescent="0.15">
      <c r="A27" s="9">
        <v>10</v>
      </c>
      <c r="B27" s="29"/>
      <c r="C27" s="29"/>
      <c r="D27" s="29"/>
      <c r="E27" s="29"/>
      <c r="F27" s="29"/>
      <c r="G27" s="29"/>
      <c r="H27" s="29"/>
      <c r="I27" s="30"/>
      <c r="J27" s="29"/>
      <c r="K27" s="32"/>
      <c r="L27" s="49"/>
      <c r="M27" s="49"/>
      <c r="N27" s="50"/>
    </row>
    <row r="28" spans="1:14" ht="19.899999999999999" customHeight="1" x14ac:dyDescent="0.15">
      <c r="A28" s="9">
        <v>11</v>
      </c>
      <c r="B28" s="29"/>
      <c r="C28" s="29"/>
      <c r="D28" s="29"/>
      <c r="E28" s="29"/>
      <c r="F28" s="29"/>
      <c r="G28" s="29"/>
      <c r="H28" s="29"/>
      <c r="I28" s="30"/>
      <c r="J28" s="29"/>
      <c r="K28" s="32"/>
      <c r="L28" s="49"/>
      <c r="M28" s="49"/>
      <c r="N28" s="50"/>
    </row>
    <row r="29" spans="1:14" ht="19.899999999999999" customHeight="1" x14ac:dyDescent="0.15">
      <c r="A29" s="9">
        <v>12</v>
      </c>
      <c r="B29" s="29"/>
      <c r="C29" s="29"/>
      <c r="D29" s="29"/>
      <c r="E29" s="29"/>
      <c r="F29" s="29"/>
      <c r="G29" s="29"/>
      <c r="H29" s="29"/>
      <c r="I29" s="30"/>
      <c r="J29" s="29"/>
      <c r="K29" s="32"/>
      <c r="L29" s="49"/>
      <c r="M29" s="49"/>
      <c r="N29" s="50"/>
    </row>
    <row r="30" spans="1:14" ht="19.899999999999999" customHeight="1" x14ac:dyDescent="0.15">
      <c r="A30" s="9">
        <v>13</v>
      </c>
      <c r="B30" s="29"/>
      <c r="C30" s="29"/>
      <c r="D30" s="29"/>
      <c r="E30" s="29"/>
      <c r="F30" s="29"/>
      <c r="G30" s="29"/>
      <c r="H30" s="29"/>
      <c r="I30" s="30"/>
      <c r="J30" s="29"/>
      <c r="K30" s="32"/>
      <c r="L30" s="49"/>
      <c r="M30" s="49"/>
      <c r="N30" s="50"/>
    </row>
    <row r="31" spans="1:14" ht="19.899999999999999" customHeight="1" x14ac:dyDescent="0.15">
      <c r="A31" s="9">
        <v>14</v>
      </c>
      <c r="B31" s="29"/>
      <c r="C31" s="29"/>
      <c r="D31" s="29"/>
      <c r="E31" s="29"/>
      <c r="F31" s="29"/>
      <c r="G31" s="29"/>
      <c r="H31" s="29"/>
      <c r="I31" s="30"/>
      <c r="J31" s="29"/>
      <c r="K31" s="32"/>
      <c r="L31" s="49"/>
      <c r="M31" s="49"/>
      <c r="N31" s="50"/>
    </row>
    <row r="32" spans="1:14" ht="19.899999999999999" customHeight="1" x14ac:dyDescent="0.15">
      <c r="A32" s="9">
        <v>15</v>
      </c>
      <c r="B32" s="29"/>
      <c r="C32" s="29"/>
      <c r="D32" s="29"/>
      <c r="E32" s="29"/>
      <c r="F32" s="29"/>
      <c r="G32" s="29"/>
      <c r="H32" s="29"/>
      <c r="I32" s="30"/>
      <c r="J32" s="29"/>
      <c r="K32" s="32"/>
      <c r="L32" s="49"/>
      <c r="M32" s="49"/>
      <c r="N32" s="50"/>
    </row>
    <row r="33" spans="1:14" ht="19.899999999999999" customHeight="1" x14ac:dyDescent="0.15">
      <c r="A33" s="9">
        <v>16</v>
      </c>
      <c r="B33" s="29"/>
      <c r="C33" s="29"/>
      <c r="D33" s="29"/>
      <c r="E33" s="29"/>
      <c r="F33" s="29"/>
      <c r="G33" s="29"/>
      <c r="H33" s="29"/>
      <c r="I33" s="30"/>
      <c r="J33" s="29"/>
      <c r="K33" s="32"/>
      <c r="L33" s="49"/>
      <c r="M33" s="49"/>
      <c r="N33" s="50"/>
    </row>
    <row r="34" spans="1:14" ht="19.899999999999999" customHeight="1" x14ac:dyDescent="0.15">
      <c r="A34" s="9">
        <v>17</v>
      </c>
      <c r="B34" s="29"/>
      <c r="C34" s="29"/>
      <c r="D34" s="29"/>
      <c r="E34" s="29"/>
      <c r="F34" s="29"/>
      <c r="G34" s="29"/>
      <c r="H34" s="29"/>
      <c r="I34" s="30"/>
      <c r="J34" s="29"/>
      <c r="K34" s="32"/>
      <c r="L34" s="49"/>
      <c r="M34" s="49"/>
      <c r="N34" s="50"/>
    </row>
    <row r="35" spans="1:14" ht="19.899999999999999" customHeight="1" x14ac:dyDescent="0.15">
      <c r="A35" s="9">
        <v>18</v>
      </c>
      <c r="B35" s="29"/>
      <c r="C35" s="29"/>
      <c r="D35" s="29"/>
      <c r="E35" s="29"/>
      <c r="F35" s="29"/>
      <c r="G35" s="29"/>
      <c r="H35" s="29"/>
      <c r="I35" s="30"/>
      <c r="J35" s="29"/>
      <c r="K35" s="32"/>
      <c r="L35" s="49"/>
      <c r="M35" s="49"/>
      <c r="N35" s="50"/>
    </row>
    <row r="36" spans="1:14" ht="19.899999999999999" customHeight="1" x14ac:dyDescent="0.15">
      <c r="A36" s="9">
        <v>19</v>
      </c>
      <c r="B36" s="29"/>
      <c r="C36" s="29"/>
      <c r="D36" s="29"/>
      <c r="E36" s="29"/>
      <c r="F36" s="29"/>
      <c r="G36" s="29"/>
      <c r="H36" s="29"/>
      <c r="I36" s="30"/>
      <c r="J36" s="29"/>
      <c r="K36" s="32"/>
      <c r="L36" s="49"/>
      <c r="M36" s="49"/>
      <c r="N36" s="50"/>
    </row>
    <row r="37" spans="1:14" ht="19.899999999999999" customHeight="1" x14ac:dyDescent="0.15">
      <c r="A37" s="9">
        <v>20</v>
      </c>
      <c r="B37" s="29"/>
      <c r="C37" s="29"/>
      <c r="D37" s="29"/>
      <c r="E37" s="29"/>
      <c r="F37" s="29"/>
      <c r="G37" s="29"/>
      <c r="H37" s="29"/>
      <c r="I37" s="30"/>
      <c r="J37" s="29"/>
      <c r="K37" s="32"/>
      <c r="L37" s="49"/>
      <c r="M37" s="49"/>
      <c r="N37" s="50"/>
    </row>
    <row r="38" spans="1:14" ht="19.899999999999999" customHeight="1" x14ac:dyDescent="0.15">
      <c r="A38" s="9">
        <v>21</v>
      </c>
      <c r="B38" s="29"/>
      <c r="C38" s="29"/>
      <c r="D38" s="29"/>
      <c r="E38" s="29"/>
      <c r="F38" s="29"/>
      <c r="G38" s="29"/>
      <c r="H38" s="29"/>
      <c r="I38" s="30"/>
      <c r="J38" s="29"/>
      <c r="K38" s="32"/>
      <c r="L38" s="49"/>
      <c r="M38" s="49"/>
      <c r="N38" s="50"/>
    </row>
    <row r="39" spans="1:14" ht="19.899999999999999" customHeight="1" x14ac:dyDescent="0.15">
      <c r="A39" s="9">
        <v>22</v>
      </c>
      <c r="B39" s="29"/>
      <c r="C39" s="29"/>
      <c r="D39" s="29"/>
      <c r="E39" s="29"/>
      <c r="F39" s="29"/>
      <c r="G39" s="29"/>
      <c r="H39" s="29"/>
      <c r="I39" s="30"/>
      <c r="J39" s="29"/>
      <c r="K39" s="32"/>
      <c r="L39" s="49"/>
      <c r="M39" s="49"/>
      <c r="N39" s="50"/>
    </row>
    <row r="40" spans="1:14" ht="19.899999999999999" customHeight="1" x14ac:dyDescent="0.15">
      <c r="A40" s="9">
        <v>23</v>
      </c>
      <c r="B40" s="29"/>
      <c r="C40" s="29"/>
      <c r="D40" s="29"/>
      <c r="E40" s="29"/>
      <c r="F40" s="29"/>
      <c r="G40" s="29"/>
      <c r="H40" s="29"/>
      <c r="I40" s="30"/>
      <c r="J40" s="29"/>
      <c r="K40" s="32"/>
      <c r="L40" s="49"/>
      <c r="M40" s="49"/>
      <c r="N40" s="50"/>
    </row>
    <row r="41" spans="1:14" ht="19.899999999999999" customHeight="1" x14ac:dyDescent="0.15">
      <c r="A41" s="9">
        <v>24</v>
      </c>
      <c r="B41" s="29"/>
      <c r="C41" s="29"/>
      <c r="D41" s="29"/>
      <c r="E41" s="29"/>
      <c r="F41" s="29"/>
      <c r="G41" s="29"/>
      <c r="H41" s="29"/>
      <c r="I41" s="30"/>
      <c r="J41" s="29"/>
      <c r="K41" s="32"/>
      <c r="L41" s="49"/>
      <c r="M41" s="49"/>
      <c r="N41" s="50"/>
    </row>
    <row r="42" spans="1:14" ht="19.899999999999999" customHeight="1" x14ac:dyDescent="0.15">
      <c r="A42" s="9">
        <v>25</v>
      </c>
      <c r="B42" s="29"/>
      <c r="C42" s="29"/>
      <c r="D42" s="29"/>
      <c r="E42" s="29"/>
      <c r="F42" s="29"/>
      <c r="G42" s="29"/>
      <c r="H42" s="29"/>
      <c r="I42" s="30"/>
      <c r="J42" s="29"/>
      <c r="K42" s="32"/>
      <c r="L42" s="49"/>
      <c r="M42" s="49"/>
      <c r="N42" s="50"/>
    </row>
    <row r="43" spans="1:14" ht="19.899999999999999" customHeight="1" x14ac:dyDescent="0.15">
      <c r="A43" s="9">
        <v>26</v>
      </c>
      <c r="B43" s="29"/>
      <c r="C43" s="29"/>
      <c r="D43" s="29"/>
      <c r="E43" s="29"/>
      <c r="F43" s="29"/>
      <c r="G43" s="29"/>
      <c r="H43" s="29"/>
      <c r="I43" s="30"/>
      <c r="J43" s="29"/>
      <c r="K43" s="32"/>
      <c r="L43" s="49"/>
      <c r="M43" s="49"/>
      <c r="N43" s="50"/>
    </row>
    <row r="44" spans="1:14" ht="19.899999999999999" customHeight="1" x14ac:dyDescent="0.15">
      <c r="A44" s="9">
        <v>27</v>
      </c>
      <c r="B44" s="29"/>
      <c r="C44" s="29"/>
      <c r="D44" s="29"/>
      <c r="E44" s="29"/>
      <c r="F44" s="29"/>
      <c r="G44" s="29"/>
      <c r="H44" s="29"/>
      <c r="I44" s="30"/>
      <c r="J44" s="29"/>
      <c r="K44" s="32"/>
      <c r="L44" s="49"/>
      <c r="M44" s="49"/>
      <c r="N44" s="50"/>
    </row>
    <row r="45" spans="1:14" ht="19.899999999999999" customHeight="1" x14ac:dyDescent="0.15">
      <c r="A45" s="9">
        <v>28</v>
      </c>
      <c r="B45" s="29"/>
      <c r="C45" s="29"/>
      <c r="D45" s="29"/>
      <c r="E45" s="29"/>
      <c r="F45" s="29"/>
      <c r="G45" s="29"/>
      <c r="H45" s="29"/>
      <c r="I45" s="30"/>
      <c r="J45" s="29"/>
      <c r="K45" s="32"/>
      <c r="L45" s="49"/>
      <c r="M45" s="49"/>
      <c r="N45" s="50"/>
    </row>
    <row r="46" spans="1:14" ht="19.899999999999999" customHeight="1" x14ac:dyDescent="0.15">
      <c r="A46" s="9">
        <v>29</v>
      </c>
      <c r="B46" s="29"/>
      <c r="C46" s="29"/>
      <c r="D46" s="29"/>
      <c r="E46" s="29"/>
      <c r="F46" s="29"/>
      <c r="G46" s="29"/>
      <c r="H46" s="29"/>
      <c r="I46" s="30"/>
      <c r="J46" s="29"/>
      <c r="K46" s="32"/>
      <c r="L46" s="49"/>
      <c r="M46" s="49"/>
      <c r="N46" s="50"/>
    </row>
    <row r="47" spans="1:14" ht="19.899999999999999" customHeight="1" x14ac:dyDescent="0.15">
      <c r="A47" s="9">
        <v>30</v>
      </c>
      <c r="B47" s="29"/>
      <c r="C47" s="29"/>
      <c r="D47" s="29"/>
      <c r="E47" s="29"/>
      <c r="F47" s="29"/>
      <c r="G47" s="29"/>
      <c r="H47" s="29"/>
      <c r="I47" s="30"/>
      <c r="J47" s="29"/>
      <c r="K47" s="32"/>
      <c r="L47" s="49"/>
      <c r="M47" s="49"/>
      <c r="N47" s="50"/>
    </row>
    <row r="48" spans="1:14" ht="19.899999999999999" customHeight="1" x14ac:dyDescent="0.15">
      <c r="A48" s="9">
        <v>31</v>
      </c>
      <c r="B48" s="29"/>
      <c r="C48" s="29"/>
      <c r="D48" s="29"/>
      <c r="E48" s="29"/>
      <c r="F48" s="29"/>
      <c r="G48" s="29"/>
      <c r="H48" s="29"/>
      <c r="I48" s="30"/>
      <c r="J48" s="29"/>
      <c r="K48" s="32"/>
      <c r="L48" s="49"/>
      <c r="M48" s="49"/>
      <c r="N48" s="50"/>
    </row>
    <row r="49" spans="1:14" ht="19.899999999999999" customHeight="1" x14ac:dyDescent="0.15">
      <c r="A49" s="9">
        <v>32</v>
      </c>
      <c r="B49" s="29"/>
      <c r="C49" s="29"/>
      <c r="D49" s="29"/>
      <c r="E49" s="29"/>
      <c r="F49" s="29"/>
      <c r="G49" s="29"/>
      <c r="H49" s="29"/>
      <c r="I49" s="30"/>
      <c r="J49" s="29"/>
      <c r="K49" s="32"/>
      <c r="L49" s="49"/>
      <c r="M49" s="49"/>
      <c r="N49" s="50"/>
    </row>
    <row r="50" spans="1:14" ht="19.899999999999999" customHeight="1" x14ac:dyDescent="0.15">
      <c r="A50" s="9">
        <v>33</v>
      </c>
      <c r="B50" s="29"/>
      <c r="C50" s="29"/>
      <c r="D50" s="29"/>
      <c r="E50" s="29"/>
      <c r="F50" s="29"/>
      <c r="G50" s="29"/>
      <c r="H50" s="29"/>
      <c r="I50" s="30"/>
      <c r="J50" s="29"/>
      <c r="K50" s="32"/>
      <c r="L50" s="49"/>
      <c r="M50" s="49"/>
      <c r="N50" s="50"/>
    </row>
    <row r="51" spans="1:14" ht="19.899999999999999" customHeight="1" x14ac:dyDescent="0.15">
      <c r="A51" s="9">
        <v>34</v>
      </c>
      <c r="B51" s="29"/>
      <c r="C51" s="29"/>
      <c r="D51" s="29"/>
      <c r="E51" s="29"/>
      <c r="F51" s="29"/>
      <c r="G51" s="29"/>
      <c r="H51" s="29"/>
      <c r="I51" s="30"/>
      <c r="J51" s="29"/>
      <c r="K51" s="32"/>
      <c r="L51" s="49"/>
      <c r="M51" s="49"/>
      <c r="N51" s="50"/>
    </row>
    <row r="52" spans="1:14" ht="19.899999999999999" customHeight="1" x14ac:dyDescent="0.15">
      <c r="A52" s="9">
        <v>35</v>
      </c>
      <c r="B52" s="29"/>
      <c r="C52" s="29"/>
      <c r="D52" s="29"/>
      <c r="E52" s="29"/>
      <c r="F52" s="29"/>
      <c r="G52" s="29"/>
      <c r="H52" s="29"/>
      <c r="I52" s="30"/>
      <c r="J52" s="29"/>
      <c r="K52" s="32"/>
      <c r="L52" s="49"/>
      <c r="M52" s="49"/>
      <c r="N52" s="50"/>
    </row>
    <row r="53" spans="1:14" ht="19.899999999999999" customHeight="1" x14ac:dyDescent="0.15">
      <c r="A53" s="9">
        <v>36</v>
      </c>
      <c r="B53" s="29"/>
      <c r="C53" s="29"/>
      <c r="D53" s="29"/>
      <c r="E53" s="29"/>
      <c r="F53" s="29"/>
      <c r="G53" s="29"/>
      <c r="H53" s="29"/>
      <c r="I53" s="30"/>
      <c r="J53" s="29"/>
      <c r="K53" s="32"/>
      <c r="L53" s="49"/>
      <c r="M53" s="49"/>
      <c r="N53" s="50"/>
    </row>
    <row r="54" spans="1:14" ht="19.899999999999999" customHeight="1" x14ac:dyDescent="0.15">
      <c r="A54" s="9">
        <v>37</v>
      </c>
      <c r="B54" s="29"/>
      <c r="C54" s="29"/>
      <c r="D54" s="29"/>
      <c r="E54" s="29"/>
      <c r="F54" s="29"/>
      <c r="G54" s="29"/>
      <c r="H54" s="29"/>
      <c r="I54" s="30"/>
      <c r="J54" s="29"/>
      <c r="K54" s="32"/>
      <c r="L54" s="49"/>
      <c r="M54" s="49"/>
      <c r="N54" s="50"/>
    </row>
    <row r="55" spans="1:14" ht="19.899999999999999" customHeight="1" x14ac:dyDescent="0.15">
      <c r="A55" s="9">
        <v>38</v>
      </c>
      <c r="B55" s="29"/>
      <c r="C55" s="29"/>
      <c r="D55" s="29"/>
      <c r="E55" s="29"/>
      <c r="F55" s="29"/>
      <c r="G55" s="29"/>
      <c r="H55" s="29"/>
      <c r="I55" s="30"/>
      <c r="J55" s="29"/>
      <c r="K55" s="32"/>
      <c r="L55" s="49"/>
      <c r="M55" s="49"/>
      <c r="N55" s="50"/>
    </row>
    <row r="56" spans="1:14" ht="19.899999999999999" customHeight="1" x14ac:dyDescent="0.15">
      <c r="A56" s="9">
        <v>39</v>
      </c>
      <c r="B56" s="29"/>
      <c r="C56" s="29"/>
      <c r="D56" s="29"/>
      <c r="E56" s="29"/>
      <c r="F56" s="29"/>
      <c r="G56" s="29"/>
      <c r="H56" s="29"/>
      <c r="I56" s="30"/>
      <c r="J56" s="29"/>
      <c r="K56" s="32"/>
      <c r="L56" s="49"/>
      <c r="M56" s="49"/>
      <c r="N56" s="50"/>
    </row>
    <row r="57" spans="1:14" ht="19.899999999999999" customHeight="1" x14ac:dyDescent="0.15">
      <c r="A57" s="9">
        <v>40</v>
      </c>
      <c r="B57" s="29"/>
      <c r="C57" s="29"/>
      <c r="D57" s="29"/>
      <c r="E57" s="29"/>
      <c r="F57" s="29"/>
      <c r="G57" s="29"/>
      <c r="H57" s="29"/>
      <c r="I57" s="30"/>
      <c r="J57" s="29"/>
      <c r="K57" s="32"/>
      <c r="L57" s="49"/>
      <c r="M57" s="49"/>
      <c r="N57" s="50"/>
    </row>
    <row r="58" spans="1:14" ht="19.899999999999999" customHeight="1" x14ac:dyDescent="0.15">
      <c r="A58" s="9">
        <v>41</v>
      </c>
      <c r="B58" s="29"/>
      <c r="C58" s="29"/>
      <c r="D58" s="29"/>
      <c r="E58" s="29"/>
      <c r="F58" s="29"/>
      <c r="G58" s="29"/>
      <c r="H58" s="29"/>
      <c r="I58" s="30"/>
      <c r="J58" s="29"/>
      <c r="K58" s="32"/>
      <c r="L58" s="49"/>
      <c r="M58" s="49"/>
      <c r="N58" s="50"/>
    </row>
    <row r="59" spans="1:14" ht="19.899999999999999" customHeight="1" x14ac:dyDescent="0.15">
      <c r="A59" s="9">
        <v>42</v>
      </c>
      <c r="B59" s="29"/>
      <c r="C59" s="29"/>
      <c r="D59" s="29"/>
      <c r="E59" s="29"/>
      <c r="F59" s="29"/>
      <c r="G59" s="29"/>
      <c r="H59" s="29"/>
      <c r="I59" s="30"/>
      <c r="J59" s="29"/>
      <c r="K59" s="32"/>
      <c r="L59" s="49"/>
      <c r="M59" s="49"/>
      <c r="N59" s="50"/>
    </row>
    <row r="60" spans="1:14" ht="19.899999999999999" customHeight="1" x14ac:dyDescent="0.15">
      <c r="A60" s="9">
        <v>43</v>
      </c>
      <c r="B60" s="29"/>
      <c r="C60" s="29"/>
      <c r="D60" s="29"/>
      <c r="E60" s="29"/>
      <c r="F60" s="29"/>
      <c r="G60" s="29"/>
      <c r="H60" s="29"/>
      <c r="I60" s="30"/>
      <c r="J60" s="29"/>
      <c r="K60" s="32"/>
      <c r="L60" s="49"/>
      <c r="M60" s="49"/>
      <c r="N60" s="50"/>
    </row>
    <row r="61" spans="1:14" ht="19.899999999999999" customHeight="1" x14ac:dyDescent="0.15">
      <c r="A61" s="9">
        <v>44</v>
      </c>
      <c r="B61" s="29"/>
      <c r="C61" s="29"/>
      <c r="D61" s="29"/>
      <c r="E61" s="29"/>
      <c r="F61" s="29"/>
      <c r="G61" s="29"/>
      <c r="H61" s="29"/>
      <c r="I61" s="30"/>
      <c r="J61" s="29"/>
      <c r="K61" s="32"/>
      <c r="L61" s="49"/>
      <c r="M61" s="49"/>
      <c r="N61" s="50"/>
    </row>
    <row r="62" spans="1:14" ht="19.899999999999999" customHeight="1" x14ac:dyDescent="0.15">
      <c r="A62" s="9">
        <v>45</v>
      </c>
      <c r="B62" s="29"/>
      <c r="C62" s="29"/>
      <c r="D62" s="29"/>
      <c r="E62" s="29"/>
      <c r="F62" s="29"/>
      <c r="G62" s="29"/>
      <c r="H62" s="29"/>
      <c r="I62" s="30"/>
      <c r="J62" s="29"/>
      <c r="K62" s="32"/>
      <c r="L62" s="49"/>
      <c r="M62" s="49"/>
      <c r="N62" s="50"/>
    </row>
    <row r="63" spans="1:14" ht="19.899999999999999" customHeight="1" x14ac:dyDescent="0.15">
      <c r="A63" s="9">
        <v>46</v>
      </c>
      <c r="B63" s="29"/>
      <c r="C63" s="29"/>
      <c r="D63" s="29"/>
      <c r="E63" s="29"/>
      <c r="F63" s="29"/>
      <c r="G63" s="29"/>
      <c r="H63" s="29"/>
      <c r="I63" s="30"/>
      <c r="J63" s="29"/>
      <c r="K63" s="32"/>
      <c r="L63" s="49"/>
      <c r="M63" s="49"/>
      <c r="N63" s="50"/>
    </row>
    <row r="64" spans="1:14" ht="19.899999999999999" customHeight="1" x14ac:dyDescent="0.15">
      <c r="A64" s="9">
        <v>47</v>
      </c>
      <c r="B64" s="29"/>
      <c r="C64" s="29"/>
      <c r="D64" s="29"/>
      <c r="E64" s="29"/>
      <c r="F64" s="29"/>
      <c r="G64" s="29"/>
      <c r="H64" s="29"/>
      <c r="I64" s="30"/>
      <c r="J64" s="29"/>
      <c r="K64" s="32"/>
      <c r="L64" s="49"/>
      <c r="M64" s="49"/>
      <c r="N64" s="50"/>
    </row>
    <row r="65" spans="1:14" ht="19.899999999999999" customHeight="1" x14ac:dyDescent="0.15">
      <c r="A65" s="9">
        <v>48</v>
      </c>
      <c r="B65" s="29"/>
      <c r="C65" s="29"/>
      <c r="D65" s="29"/>
      <c r="E65" s="29"/>
      <c r="F65" s="29"/>
      <c r="G65" s="29"/>
      <c r="H65" s="29"/>
      <c r="I65" s="30"/>
      <c r="J65" s="29"/>
      <c r="K65" s="32"/>
      <c r="L65" s="49"/>
      <c r="M65" s="49"/>
      <c r="N65" s="50"/>
    </row>
    <row r="66" spans="1:14" ht="19.899999999999999" customHeight="1" x14ac:dyDescent="0.15">
      <c r="A66" s="9">
        <v>49</v>
      </c>
      <c r="B66" s="29"/>
      <c r="C66" s="29"/>
      <c r="D66" s="29"/>
      <c r="E66" s="29"/>
      <c r="F66" s="29"/>
      <c r="G66" s="29"/>
      <c r="H66" s="29"/>
      <c r="I66" s="30"/>
      <c r="J66" s="29"/>
      <c r="K66" s="32"/>
      <c r="L66" s="49"/>
      <c r="M66" s="49"/>
      <c r="N66" s="50"/>
    </row>
    <row r="67" spans="1:14" ht="19.899999999999999" customHeight="1" x14ac:dyDescent="0.15">
      <c r="A67" s="9">
        <v>50</v>
      </c>
      <c r="B67" s="29"/>
      <c r="C67" s="29"/>
      <c r="D67" s="29"/>
      <c r="E67" s="29"/>
      <c r="F67" s="29"/>
      <c r="G67" s="29"/>
      <c r="H67" s="29"/>
      <c r="I67" s="30"/>
      <c r="J67" s="29"/>
      <c r="K67" s="32"/>
      <c r="L67" s="49"/>
      <c r="M67" s="49"/>
      <c r="N67" s="50"/>
    </row>
    <row r="68" spans="1:14" ht="19.899999999999999" customHeight="1" x14ac:dyDescent="0.15">
      <c r="A68" s="2" t="s">
        <v>15</v>
      </c>
    </row>
    <row r="69" spans="1:14" ht="19.899999999999999" customHeight="1" x14ac:dyDescent="0.15">
      <c r="A69" s="2" t="s">
        <v>16</v>
      </c>
    </row>
    <row r="70" spans="1:14" ht="19.899999999999999" customHeight="1" x14ac:dyDescent="0.15">
      <c r="A70" s="2" t="s">
        <v>17</v>
      </c>
    </row>
    <row r="71" spans="1:14" ht="19.899999999999999" customHeight="1" x14ac:dyDescent="0.15">
      <c r="A71" s="2" t="s">
        <v>18</v>
      </c>
      <c r="B71" s="3" t="s">
        <v>21</v>
      </c>
      <c r="C71" s="62"/>
      <c r="D71" s="63"/>
      <c r="E71" s="63"/>
      <c r="F71" s="63"/>
      <c r="G71" s="63"/>
      <c r="H71" s="63"/>
      <c r="I71" s="63"/>
      <c r="J71" s="63"/>
      <c r="K71" s="63"/>
      <c r="L71" s="63"/>
      <c r="M71" s="63"/>
      <c r="N71" s="64"/>
    </row>
    <row r="72" spans="1:14" ht="19.899999999999999" customHeight="1" x14ac:dyDescent="0.15">
      <c r="A72" s="2" t="s">
        <v>19</v>
      </c>
      <c r="C72" s="65"/>
      <c r="D72" s="66"/>
      <c r="E72" s="66"/>
      <c r="F72" s="66"/>
      <c r="G72" s="66"/>
      <c r="H72" s="66"/>
      <c r="I72" s="66"/>
      <c r="J72" s="66"/>
      <c r="K72" s="66"/>
      <c r="L72" s="66"/>
      <c r="M72" s="66"/>
      <c r="N72" s="67"/>
    </row>
    <row r="73" spans="1:14" ht="19.899999999999999" customHeight="1" x14ac:dyDescent="0.15">
      <c r="C73" s="68"/>
      <c r="D73" s="69"/>
      <c r="E73" s="69"/>
      <c r="F73" s="69"/>
      <c r="G73" s="69"/>
      <c r="H73" s="69"/>
      <c r="I73" s="69"/>
      <c r="J73" s="69"/>
      <c r="K73" s="69"/>
      <c r="L73" s="69"/>
      <c r="M73" s="69"/>
      <c r="N73" s="70"/>
    </row>
    <row r="74" spans="1:14" ht="19.899999999999999" customHeight="1" x14ac:dyDescent="0.15">
      <c r="A74" s="1" t="s">
        <v>30</v>
      </c>
    </row>
    <row r="75" spans="1:14" ht="19.899999999999999" customHeight="1" x14ac:dyDescent="0.15">
      <c r="A75" s="7" t="s">
        <v>4</v>
      </c>
      <c r="B75" s="8" t="s">
        <v>27</v>
      </c>
      <c r="C75" s="5" t="s">
        <v>22</v>
      </c>
      <c r="D75" s="5"/>
      <c r="E75" s="5"/>
      <c r="F75" s="5"/>
      <c r="G75" s="6"/>
      <c r="H75" s="7" t="s">
        <v>7</v>
      </c>
      <c r="I75" s="8" t="s">
        <v>20</v>
      </c>
      <c r="J75" s="5" t="s">
        <v>25</v>
      </c>
      <c r="K75" s="5"/>
      <c r="L75" s="5"/>
      <c r="M75" s="5"/>
      <c r="N75" s="6"/>
    </row>
    <row r="76" spans="1:14" ht="19.899999999999999" customHeight="1" x14ac:dyDescent="0.15">
      <c r="A76" s="7" t="s">
        <v>5</v>
      </c>
      <c r="B76" s="8" t="s">
        <v>28</v>
      </c>
      <c r="C76" s="5" t="s">
        <v>23</v>
      </c>
      <c r="D76" s="5"/>
      <c r="E76" s="5"/>
      <c r="F76" s="5"/>
      <c r="G76" s="6"/>
      <c r="H76" s="7" t="s">
        <v>8</v>
      </c>
      <c r="I76" s="8" t="s">
        <v>29</v>
      </c>
      <c r="J76" s="5" t="s">
        <v>26</v>
      </c>
      <c r="K76" s="5"/>
      <c r="L76" s="5"/>
      <c r="M76" s="5"/>
      <c r="N76" s="6"/>
    </row>
    <row r="77" spans="1:14" ht="19.899999999999999" customHeight="1" x14ac:dyDescent="0.15">
      <c r="A77" s="7" t="s">
        <v>6</v>
      </c>
      <c r="B77" s="8" t="s">
        <v>29</v>
      </c>
      <c r="C77" s="5" t="s">
        <v>24</v>
      </c>
      <c r="D77" s="5"/>
      <c r="E77" s="5"/>
      <c r="F77" s="5"/>
      <c r="G77" s="6"/>
      <c r="H77" s="4"/>
      <c r="I77" s="5"/>
      <c r="J77" s="5"/>
      <c r="K77" s="5"/>
      <c r="L77" s="5"/>
      <c r="M77" s="5"/>
      <c r="N77" s="6"/>
    </row>
    <row r="78" spans="1:14" ht="19.899999999999999" customHeight="1" x14ac:dyDescent="0.15">
      <c r="A78" s="2" t="s">
        <v>31</v>
      </c>
    </row>
    <row r="79" spans="1:14" ht="19.899999999999999" customHeight="1" x14ac:dyDescent="0.15">
      <c r="A79" s="10" t="s">
        <v>37</v>
      </c>
      <c r="B79" s="10"/>
      <c r="C79" s="10"/>
      <c r="D79" s="10"/>
      <c r="E79" s="10"/>
      <c r="F79" s="10"/>
      <c r="G79" s="10"/>
      <c r="H79" s="10"/>
      <c r="I79" s="10"/>
      <c r="J79" s="10"/>
      <c r="K79" s="10"/>
      <c r="L79" s="10"/>
      <c r="M79" s="10"/>
      <c r="N79" s="10"/>
    </row>
    <row r="80" spans="1:14" ht="19.899999999999999" customHeight="1" x14ac:dyDescent="0.15">
      <c r="A80" s="53" t="s">
        <v>32</v>
      </c>
      <c r="B80" s="53"/>
      <c r="C80" s="33"/>
      <c r="D80" s="56"/>
      <c r="E80" s="57"/>
      <c r="F80" s="53" t="s">
        <v>34</v>
      </c>
      <c r="G80" s="53"/>
      <c r="H80" s="34"/>
      <c r="I80" s="53" t="s">
        <v>36</v>
      </c>
      <c r="J80" s="53"/>
      <c r="K80" s="55"/>
      <c r="L80" s="55"/>
      <c r="M80" s="55"/>
      <c r="N80" s="55"/>
    </row>
    <row r="81" spans="1:14" ht="19.899999999999999" customHeight="1" x14ac:dyDescent="0.15">
      <c r="A81" s="53" t="s">
        <v>33</v>
      </c>
      <c r="B81" s="53"/>
      <c r="C81" s="33"/>
      <c r="D81" s="58"/>
      <c r="E81" s="59"/>
      <c r="F81" s="53" t="s">
        <v>35</v>
      </c>
      <c r="G81" s="53"/>
      <c r="H81" s="54"/>
      <c r="I81" s="54"/>
      <c r="J81" s="54"/>
      <c r="K81" s="54"/>
      <c r="L81" s="54"/>
      <c r="M81" s="54"/>
      <c r="N81" s="54"/>
    </row>
  </sheetData>
  <sheetProtection algorithmName="SHA-512" hashValue="msyzORuTIHVWtB2CJZ4MLQIQHxCOnZivf/KyiH5tmzaSowJ3/0nnw0E3GtRrVA7jsMOQCEgfNU6dn9nEPzHqhg==" saltValue="h1KgcShuO+F0negGc+qSsw==" spinCount="100000" sheet="1" objects="1" scenarios="1"/>
  <mergeCells count="77">
    <mergeCell ref="F80:G80"/>
    <mergeCell ref="F81:G81"/>
    <mergeCell ref="I80:J80"/>
    <mergeCell ref="H81:N81"/>
    <mergeCell ref="K80:N80"/>
    <mergeCell ref="D80:E81"/>
    <mergeCell ref="C16:F16"/>
    <mergeCell ref="H16:K16"/>
    <mergeCell ref="L19:N19"/>
    <mergeCell ref="L20:N20"/>
    <mergeCell ref="L21:N21"/>
    <mergeCell ref="L22:N22"/>
    <mergeCell ref="L18:N18"/>
    <mergeCell ref="K17:N17"/>
    <mergeCell ref="B17:G17"/>
    <mergeCell ref="C71:N73"/>
    <mergeCell ref="A80:B80"/>
    <mergeCell ref="A81:B81"/>
    <mergeCell ref="L34:N34"/>
    <mergeCell ref="L23:N23"/>
    <mergeCell ref="L24:N24"/>
    <mergeCell ref="L25:N25"/>
    <mergeCell ref="L26:N26"/>
    <mergeCell ref="L27:N27"/>
    <mergeCell ref="L28:N28"/>
    <mergeCell ref="L29:N29"/>
    <mergeCell ref="L30:N30"/>
    <mergeCell ref="L31:N31"/>
    <mergeCell ref="L32:N32"/>
    <mergeCell ref="L33:N33"/>
    <mergeCell ref="L36:N36"/>
    <mergeCell ref="L37:N37"/>
    <mergeCell ref="L38:N38"/>
    <mergeCell ref="L39:N39"/>
    <mergeCell ref="L40:N40"/>
    <mergeCell ref="A12:G12"/>
    <mergeCell ref="H7:N7"/>
    <mergeCell ref="L59:N59"/>
    <mergeCell ref="L60:N60"/>
    <mergeCell ref="L61:N61"/>
    <mergeCell ref="L53:N53"/>
    <mergeCell ref="L54:N54"/>
    <mergeCell ref="L55:N55"/>
    <mergeCell ref="L56:N56"/>
    <mergeCell ref="L57:N57"/>
    <mergeCell ref="L58:N58"/>
    <mergeCell ref="L47:N47"/>
    <mergeCell ref="L48:N48"/>
    <mergeCell ref="L49:N49"/>
    <mergeCell ref="L50:N50"/>
    <mergeCell ref="L51:N51"/>
    <mergeCell ref="H12:N12"/>
    <mergeCell ref="K3:N3"/>
    <mergeCell ref="L65:N65"/>
    <mergeCell ref="L66:N66"/>
    <mergeCell ref="L67:N67"/>
    <mergeCell ref="L62:N62"/>
    <mergeCell ref="L63:N63"/>
    <mergeCell ref="L64:N64"/>
    <mergeCell ref="L52:N52"/>
    <mergeCell ref="L41:N41"/>
    <mergeCell ref="L42:N42"/>
    <mergeCell ref="L43:N43"/>
    <mergeCell ref="L44:N44"/>
    <mergeCell ref="L45:N45"/>
    <mergeCell ref="L46:N46"/>
    <mergeCell ref="L35:N35"/>
    <mergeCell ref="A1:N1"/>
    <mergeCell ref="H8:N8"/>
    <mergeCell ref="H9:N9"/>
    <mergeCell ref="H10:N10"/>
    <mergeCell ref="H11:N11"/>
    <mergeCell ref="A7:G7"/>
    <mergeCell ref="A8:G8"/>
    <mergeCell ref="A9:G9"/>
    <mergeCell ref="A10:G10"/>
    <mergeCell ref="A11:G11"/>
  </mergeCells>
  <phoneticPr fontId="4"/>
  <dataValidations count="10">
    <dataValidation type="list" allowBlank="1" showInputMessage="1" showErrorMessage="1" sqref="B18:B67">
      <formula1>"納品"</formula1>
    </dataValidation>
    <dataValidation type="list" allowBlank="1" showInputMessage="1" showErrorMessage="1" sqref="C18:C67">
      <formula1>"保守"</formula1>
    </dataValidation>
    <dataValidation type="list" allowBlank="1" showInputMessage="1" showErrorMessage="1" sqref="D18:D67">
      <formula1>"営業"</formula1>
    </dataValidation>
    <dataValidation type="list" allowBlank="1" showInputMessage="1" showErrorMessage="1" sqref="E18:E67">
      <formula1>"受託"</formula1>
    </dataValidation>
    <dataValidation type="list" allowBlank="1" showInputMessage="1" showErrorMessage="1" sqref="F18:F67">
      <formula1>"集配"</formula1>
    </dataValidation>
    <dataValidation type="list" allowBlank="1" showInputMessage="1" showErrorMessage="1" sqref="G18:G67">
      <formula1>"その他"</formula1>
    </dataValidation>
    <dataValidation type="list" allowBlank="1" showInputMessage="1" showErrorMessage="1" sqref="I18:I67">
      <formula1>"1,2,3,4,5,6,不定期"</formula1>
    </dataValidation>
    <dataValidation type="list" allowBlank="1" showInputMessage="1" showErrorMessage="1" sqref="J18:J67">
      <formula1>"2,4,6,8,8以上"</formula1>
    </dataValidation>
    <dataValidation type="list" allowBlank="1" showInputMessage="1" showErrorMessage="1" sqref="C80:C81">
      <formula1>"○"</formula1>
    </dataValidation>
    <dataValidation type="list" allowBlank="1" showInputMessage="1" showErrorMessage="1" sqref="D80:E81">
      <formula1>"許  可,不許可"</formula1>
    </dataValidation>
  </dataValidations>
  <printOptions horizontalCentered="1"/>
  <pageMargins left="0.78740157480314965" right="0.78740157480314965" top="0.78740157480314965" bottom="0.78740157480314965" header="0.59055118110236227" footer="0.31496062992125984"/>
  <pageSetup paperSize="9" scale="91" orientation="portrait" horizontalDpi="1200" verticalDpi="1200" r:id="rId1"/>
  <headerFooter>
    <oddHeader>&amp;L&amp;"ＭＳ Ｐ明朝,標準"別紙様式3</oddHeader>
  </headerFooter>
  <rowBreaks count="1" manualBreakCount="1">
    <brk id="42" max="13" man="1"/>
  </rowBreaks>
  <colBreaks count="1" manualBreakCount="1">
    <brk id="14" max="87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51"/>
  <sheetViews>
    <sheetView topLeftCell="E1" workbookViewId="0">
      <selection activeCell="E1" sqref="A1:XFD1"/>
    </sheetView>
  </sheetViews>
  <sheetFormatPr defaultColWidth="9" defaultRowHeight="12" x14ac:dyDescent="0.15"/>
  <cols>
    <col min="1" max="1" width="40.625" style="23" customWidth="1"/>
    <col min="2" max="2" width="8.875" style="24" customWidth="1"/>
    <col min="3" max="3" width="29.25" style="24" customWidth="1"/>
    <col min="4" max="4" width="8.625" style="25" customWidth="1"/>
    <col min="5" max="5" width="48.625" style="24" customWidth="1"/>
    <col min="6" max="6" width="8.625" style="21" customWidth="1"/>
    <col min="7" max="11" width="8.625" style="19" customWidth="1"/>
    <col min="12" max="12" width="8.75" style="25" customWidth="1"/>
    <col min="13" max="13" width="6.625" style="19" customWidth="1"/>
    <col min="14" max="14" width="6.625" style="25" customWidth="1"/>
    <col min="15" max="15" width="8.625" style="24" customWidth="1"/>
    <col min="16" max="16" width="14.75" style="19" customWidth="1"/>
    <col min="17" max="16384" width="9" style="36"/>
  </cols>
  <sheetData>
    <row r="1" spans="1:18" s="17" customFormat="1" ht="30" customHeight="1" x14ac:dyDescent="0.15">
      <c r="A1" s="16" t="s">
        <v>59</v>
      </c>
      <c r="B1" s="15" t="s">
        <v>60</v>
      </c>
      <c r="C1" s="15" t="s">
        <v>67</v>
      </c>
      <c r="D1" s="15" t="s">
        <v>61</v>
      </c>
      <c r="E1" s="15" t="s">
        <v>62</v>
      </c>
      <c r="F1" s="14" t="s">
        <v>70</v>
      </c>
      <c r="G1" s="14" t="s">
        <v>70</v>
      </c>
      <c r="H1" s="14" t="s">
        <v>70</v>
      </c>
      <c r="I1" s="14" t="s">
        <v>70</v>
      </c>
      <c r="J1" s="14" t="s">
        <v>70</v>
      </c>
      <c r="K1" s="14" t="s">
        <v>70</v>
      </c>
      <c r="L1" s="14" t="s">
        <v>71</v>
      </c>
      <c r="M1" s="14" t="s">
        <v>63</v>
      </c>
      <c r="N1" s="14" t="s">
        <v>64</v>
      </c>
      <c r="O1" s="14" t="s">
        <v>65</v>
      </c>
      <c r="P1" s="14" t="s">
        <v>66</v>
      </c>
      <c r="Q1" s="15" t="s">
        <v>68</v>
      </c>
      <c r="R1" s="15" t="s">
        <v>69</v>
      </c>
    </row>
    <row r="2" spans="1:18" ht="25.15" customHeight="1" x14ac:dyDescent="0.15">
      <c r="A2" s="28">
        <f>入力様式!H10</f>
        <v>0</v>
      </c>
      <c r="B2" s="26">
        <f>入力様式!H11</f>
        <v>0</v>
      </c>
      <c r="C2" s="27">
        <f>入力様式!H12</f>
        <v>0</v>
      </c>
      <c r="D2" s="26">
        <f>入力様式!H7</f>
        <v>0</v>
      </c>
      <c r="E2" s="27">
        <f>入力様式!H8</f>
        <v>0</v>
      </c>
      <c r="F2" s="26">
        <f>入力様式!B18</f>
        <v>0</v>
      </c>
      <c r="G2" s="26">
        <f>入力様式!C18</f>
        <v>0</v>
      </c>
      <c r="H2" s="26">
        <f>入力様式!D18</f>
        <v>0</v>
      </c>
      <c r="I2" s="26">
        <f>入力様式!E18</f>
        <v>0</v>
      </c>
      <c r="J2" s="26">
        <f>入力様式!F18</f>
        <v>0</v>
      </c>
      <c r="K2" s="26">
        <f>入力様式!G18</f>
        <v>0</v>
      </c>
      <c r="L2" s="26">
        <f>入力様式!H18</f>
        <v>0</v>
      </c>
      <c r="M2" s="26">
        <f>入力様式!I18</f>
        <v>0</v>
      </c>
      <c r="N2" s="26">
        <f>入力様式!J18</f>
        <v>0</v>
      </c>
      <c r="O2" s="26">
        <f>入力様式!K18</f>
        <v>0</v>
      </c>
      <c r="P2" s="26">
        <f>入力様式!L18</f>
        <v>0</v>
      </c>
      <c r="Q2" s="35">
        <f>入力様式!C16</f>
        <v>0</v>
      </c>
      <c r="R2" s="35">
        <f>入力様式!H16</f>
        <v>0</v>
      </c>
    </row>
    <row r="3" spans="1:18" ht="25.15" customHeight="1" x14ac:dyDescent="0.15">
      <c r="A3" s="22"/>
      <c r="B3" s="18"/>
      <c r="C3" s="20"/>
      <c r="D3" s="18"/>
      <c r="E3" s="20"/>
      <c r="F3" s="26">
        <f>入力様式!B19</f>
        <v>0</v>
      </c>
      <c r="G3" s="26">
        <f>入力様式!C19</f>
        <v>0</v>
      </c>
      <c r="H3" s="26">
        <f>入力様式!D19</f>
        <v>0</v>
      </c>
      <c r="I3" s="26">
        <f>入力様式!E19</f>
        <v>0</v>
      </c>
      <c r="J3" s="26">
        <f>入力様式!F19</f>
        <v>0</v>
      </c>
      <c r="K3" s="26">
        <f>入力様式!G19</f>
        <v>0</v>
      </c>
      <c r="L3" s="26">
        <f>入力様式!H19</f>
        <v>0</v>
      </c>
      <c r="M3" s="26">
        <f>入力様式!I19</f>
        <v>0</v>
      </c>
      <c r="N3" s="26">
        <f>入力様式!J19</f>
        <v>0</v>
      </c>
      <c r="O3" s="26">
        <f>入力様式!K19</f>
        <v>0</v>
      </c>
      <c r="P3" s="26">
        <f>入力様式!L19</f>
        <v>0</v>
      </c>
      <c r="Q3" s="35">
        <f>Q2</f>
        <v>0</v>
      </c>
      <c r="R3" s="35">
        <f>R2</f>
        <v>0</v>
      </c>
    </row>
    <row r="4" spans="1:18" ht="25.15" customHeight="1" x14ac:dyDescent="0.15">
      <c r="A4" s="22"/>
      <c r="B4" s="18"/>
      <c r="C4" s="20"/>
      <c r="D4" s="18"/>
      <c r="E4" s="20"/>
      <c r="F4" s="26">
        <f>入力様式!B20</f>
        <v>0</v>
      </c>
      <c r="G4" s="26">
        <f>入力様式!C20</f>
        <v>0</v>
      </c>
      <c r="H4" s="26">
        <f>入力様式!D20</f>
        <v>0</v>
      </c>
      <c r="I4" s="26">
        <f>入力様式!E20</f>
        <v>0</v>
      </c>
      <c r="J4" s="26">
        <f>入力様式!F20</f>
        <v>0</v>
      </c>
      <c r="K4" s="26">
        <f>入力様式!G20</f>
        <v>0</v>
      </c>
      <c r="L4" s="26">
        <f>入力様式!H20</f>
        <v>0</v>
      </c>
      <c r="M4" s="26">
        <f>入力様式!I20</f>
        <v>0</v>
      </c>
      <c r="N4" s="26">
        <f>入力様式!J20</f>
        <v>0</v>
      </c>
      <c r="O4" s="26">
        <f>入力様式!K20</f>
        <v>0</v>
      </c>
      <c r="P4" s="26">
        <f>入力様式!L20</f>
        <v>0</v>
      </c>
      <c r="Q4" s="35">
        <f t="shared" ref="Q4:Q51" si="0">Q3</f>
        <v>0</v>
      </c>
      <c r="R4" s="35">
        <f t="shared" ref="R4:R51" si="1">R3</f>
        <v>0</v>
      </c>
    </row>
    <row r="5" spans="1:18" ht="25.15" customHeight="1" x14ac:dyDescent="0.15">
      <c r="A5" s="22"/>
      <c r="B5" s="18"/>
      <c r="C5" s="20"/>
      <c r="D5" s="18"/>
      <c r="E5" s="20"/>
      <c r="F5" s="26">
        <f>入力様式!B21</f>
        <v>0</v>
      </c>
      <c r="G5" s="26">
        <f>入力様式!C21</f>
        <v>0</v>
      </c>
      <c r="H5" s="26">
        <f>入力様式!D21</f>
        <v>0</v>
      </c>
      <c r="I5" s="26">
        <f>入力様式!E21</f>
        <v>0</v>
      </c>
      <c r="J5" s="26">
        <f>入力様式!F21</f>
        <v>0</v>
      </c>
      <c r="K5" s="26">
        <f>入力様式!G21</f>
        <v>0</v>
      </c>
      <c r="L5" s="26">
        <f>入力様式!H21</f>
        <v>0</v>
      </c>
      <c r="M5" s="26">
        <f>入力様式!I21</f>
        <v>0</v>
      </c>
      <c r="N5" s="26">
        <f>入力様式!J21</f>
        <v>0</v>
      </c>
      <c r="O5" s="26">
        <f>入力様式!K21</f>
        <v>0</v>
      </c>
      <c r="P5" s="26">
        <f>入力様式!L21</f>
        <v>0</v>
      </c>
      <c r="Q5" s="35">
        <f t="shared" si="0"/>
        <v>0</v>
      </c>
      <c r="R5" s="35">
        <f t="shared" si="1"/>
        <v>0</v>
      </c>
    </row>
    <row r="6" spans="1:18" ht="25.15" customHeight="1" x14ac:dyDescent="0.15">
      <c r="A6" s="22"/>
      <c r="B6" s="18"/>
      <c r="C6" s="20"/>
      <c r="D6" s="18"/>
      <c r="E6" s="20"/>
      <c r="F6" s="26">
        <f>入力様式!B22</f>
        <v>0</v>
      </c>
      <c r="G6" s="26">
        <f>入力様式!C22</f>
        <v>0</v>
      </c>
      <c r="H6" s="26">
        <f>入力様式!D22</f>
        <v>0</v>
      </c>
      <c r="I6" s="26">
        <f>入力様式!E22</f>
        <v>0</v>
      </c>
      <c r="J6" s="26">
        <f>入力様式!F22</f>
        <v>0</v>
      </c>
      <c r="K6" s="26">
        <f>入力様式!G22</f>
        <v>0</v>
      </c>
      <c r="L6" s="26">
        <f>入力様式!H22</f>
        <v>0</v>
      </c>
      <c r="M6" s="26">
        <f>入力様式!I22</f>
        <v>0</v>
      </c>
      <c r="N6" s="26">
        <f>入力様式!J22</f>
        <v>0</v>
      </c>
      <c r="O6" s="26">
        <f>入力様式!K22</f>
        <v>0</v>
      </c>
      <c r="P6" s="26">
        <f>入力様式!L22</f>
        <v>0</v>
      </c>
      <c r="Q6" s="35">
        <f t="shared" si="0"/>
        <v>0</v>
      </c>
      <c r="R6" s="35">
        <f t="shared" si="1"/>
        <v>0</v>
      </c>
    </row>
    <row r="7" spans="1:18" ht="25.15" customHeight="1" x14ac:dyDescent="0.15">
      <c r="A7" s="22"/>
      <c r="B7" s="18"/>
      <c r="C7" s="20"/>
      <c r="D7" s="18"/>
      <c r="E7" s="20"/>
      <c r="F7" s="26">
        <f>入力様式!B23</f>
        <v>0</v>
      </c>
      <c r="G7" s="26">
        <f>入力様式!C23</f>
        <v>0</v>
      </c>
      <c r="H7" s="26">
        <f>入力様式!D23</f>
        <v>0</v>
      </c>
      <c r="I7" s="26">
        <f>入力様式!E23</f>
        <v>0</v>
      </c>
      <c r="J7" s="26">
        <f>入力様式!F23</f>
        <v>0</v>
      </c>
      <c r="K7" s="26">
        <f>入力様式!G23</f>
        <v>0</v>
      </c>
      <c r="L7" s="26">
        <f>入力様式!H23</f>
        <v>0</v>
      </c>
      <c r="M7" s="26">
        <f>入力様式!I23</f>
        <v>0</v>
      </c>
      <c r="N7" s="26">
        <f>入力様式!J23</f>
        <v>0</v>
      </c>
      <c r="O7" s="26">
        <f>入力様式!K23</f>
        <v>0</v>
      </c>
      <c r="P7" s="26">
        <f>入力様式!L23</f>
        <v>0</v>
      </c>
      <c r="Q7" s="35">
        <f t="shared" si="0"/>
        <v>0</v>
      </c>
      <c r="R7" s="35">
        <f t="shared" si="1"/>
        <v>0</v>
      </c>
    </row>
    <row r="8" spans="1:18" ht="25.15" customHeight="1" x14ac:dyDescent="0.15">
      <c r="A8" s="22"/>
      <c r="B8" s="18"/>
      <c r="C8" s="20"/>
      <c r="D8" s="18"/>
      <c r="E8" s="20"/>
      <c r="F8" s="26">
        <f>入力様式!B24</f>
        <v>0</v>
      </c>
      <c r="G8" s="26">
        <f>入力様式!C24</f>
        <v>0</v>
      </c>
      <c r="H8" s="26">
        <f>入力様式!D24</f>
        <v>0</v>
      </c>
      <c r="I8" s="26">
        <f>入力様式!E24</f>
        <v>0</v>
      </c>
      <c r="J8" s="26">
        <f>入力様式!F24</f>
        <v>0</v>
      </c>
      <c r="K8" s="26">
        <f>入力様式!G24</f>
        <v>0</v>
      </c>
      <c r="L8" s="26">
        <f>入力様式!H24</f>
        <v>0</v>
      </c>
      <c r="M8" s="26">
        <f>入力様式!I24</f>
        <v>0</v>
      </c>
      <c r="N8" s="26">
        <f>入力様式!J24</f>
        <v>0</v>
      </c>
      <c r="O8" s="26">
        <f>入力様式!K24</f>
        <v>0</v>
      </c>
      <c r="P8" s="26">
        <f>入力様式!L24</f>
        <v>0</v>
      </c>
      <c r="Q8" s="35">
        <f t="shared" si="0"/>
        <v>0</v>
      </c>
      <c r="R8" s="35">
        <f t="shared" si="1"/>
        <v>0</v>
      </c>
    </row>
    <row r="9" spans="1:18" ht="25.15" customHeight="1" x14ac:dyDescent="0.15">
      <c r="A9" s="22"/>
      <c r="B9" s="18"/>
      <c r="C9" s="20"/>
      <c r="D9" s="18"/>
      <c r="E9" s="20"/>
      <c r="F9" s="26">
        <f>入力様式!B25</f>
        <v>0</v>
      </c>
      <c r="G9" s="26">
        <f>入力様式!C25</f>
        <v>0</v>
      </c>
      <c r="H9" s="26">
        <f>入力様式!D25</f>
        <v>0</v>
      </c>
      <c r="I9" s="26">
        <f>入力様式!E25</f>
        <v>0</v>
      </c>
      <c r="J9" s="26">
        <f>入力様式!F25</f>
        <v>0</v>
      </c>
      <c r="K9" s="26">
        <f>入力様式!G25</f>
        <v>0</v>
      </c>
      <c r="L9" s="26">
        <f>入力様式!H25</f>
        <v>0</v>
      </c>
      <c r="M9" s="26">
        <f>入力様式!I25</f>
        <v>0</v>
      </c>
      <c r="N9" s="26">
        <f>入力様式!J25</f>
        <v>0</v>
      </c>
      <c r="O9" s="26">
        <f>入力様式!K25</f>
        <v>0</v>
      </c>
      <c r="P9" s="26">
        <f>入力様式!L25</f>
        <v>0</v>
      </c>
      <c r="Q9" s="35">
        <f t="shared" si="0"/>
        <v>0</v>
      </c>
      <c r="R9" s="35">
        <f t="shared" si="1"/>
        <v>0</v>
      </c>
    </row>
    <row r="10" spans="1:18" ht="25.15" customHeight="1" x14ac:dyDescent="0.15">
      <c r="A10" s="22"/>
      <c r="B10" s="18"/>
      <c r="C10" s="20"/>
      <c r="D10" s="18"/>
      <c r="E10" s="20"/>
      <c r="F10" s="26">
        <f>入力様式!B26</f>
        <v>0</v>
      </c>
      <c r="G10" s="26">
        <f>入力様式!C26</f>
        <v>0</v>
      </c>
      <c r="H10" s="26">
        <f>入力様式!D26</f>
        <v>0</v>
      </c>
      <c r="I10" s="26">
        <f>入力様式!E26</f>
        <v>0</v>
      </c>
      <c r="J10" s="26">
        <f>入力様式!F26</f>
        <v>0</v>
      </c>
      <c r="K10" s="26">
        <f>入力様式!G26</f>
        <v>0</v>
      </c>
      <c r="L10" s="26">
        <f>入力様式!H26</f>
        <v>0</v>
      </c>
      <c r="M10" s="26">
        <f>入力様式!I26</f>
        <v>0</v>
      </c>
      <c r="N10" s="26">
        <f>入力様式!J26</f>
        <v>0</v>
      </c>
      <c r="O10" s="26">
        <f>入力様式!K26</f>
        <v>0</v>
      </c>
      <c r="P10" s="26">
        <f>入力様式!L26</f>
        <v>0</v>
      </c>
      <c r="Q10" s="35">
        <f t="shared" si="0"/>
        <v>0</v>
      </c>
      <c r="R10" s="35">
        <f t="shared" si="1"/>
        <v>0</v>
      </c>
    </row>
    <row r="11" spans="1:18" ht="25.15" customHeight="1" x14ac:dyDescent="0.15">
      <c r="A11" s="22"/>
      <c r="B11" s="18"/>
      <c r="C11" s="20"/>
      <c r="D11" s="18"/>
      <c r="E11" s="20"/>
      <c r="F11" s="26">
        <f>入力様式!B27</f>
        <v>0</v>
      </c>
      <c r="G11" s="26">
        <f>入力様式!C27</f>
        <v>0</v>
      </c>
      <c r="H11" s="26">
        <f>入力様式!D27</f>
        <v>0</v>
      </c>
      <c r="I11" s="26">
        <f>入力様式!E27</f>
        <v>0</v>
      </c>
      <c r="J11" s="26">
        <f>入力様式!F27</f>
        <v>0</v>
      </c>
      <c r="K11" s="26">
        <f>入力様式!G27</f>
        <v>0</v>
      </c>
      <c r="L11" s="26">
        <f>入力様式!H27</f>
        <v>0</v>
      </c>
      <c r="M11" s="26">
        <f>入力様式!I27</f>
        <v>0</v>
      </c>
      <c r="N11" s="26">
        <f>入力様式!J27</f>
        <v>0</v>
      </c>
      <c r="O11" s="26">
        <f>入力様式!K27</f>
        <v>0</v>
      </c>
      <c r="P11" s="26">
        <f>入力様式!L27</f>
        <v>0</v>
      </c>
      <c r="Q11" s="35">
        <f t="shared" si="0"/>
        <v>0</v>
      </c>
      <c r="R11" s="35">
        <f t="shared" si="1"/>
        <v>0</v>
      </c>
    </row>
    <row r="12" spans="1:18" ht="25.15" customHeight="1" x14ac:dyDescent="0.15">
      <c r="A12" s="22"/>
      <c r="B12" s="18"/>
      <c r="C12" s="20"/>
      <c r="D12" s="18"/>
      <c r="E12" s="20"/>
      <c r="F12" s="26">
        <f>入力様式!B28</f>
        <v>0</v>
      </c>
      <c r="G12" s="26">
        <f>入力様式!C28</f>
        <v>0</v>
      </c>
      <c r="H12" s="26">
        <f>入力様式!D28</f>
        <v>0</v>
      </c>
      <c r="I12" s="26">
        <f>入力様式!E28</f>
        <v>0</v>
      </c>
      <c r="J12" s="26">
        <f>入力様式!F28</f>
        <v>0</v>
      </c>
      <c r="K12" s="26">
        <f>入力様式!G28</f>
        <v>0</v>
      </c>
      <c r="L12" s="26">
        <f>入力様式!H28</f>
        <v>0</v>
      </c>
      <c r="M12" s="26">
        <f>入力様式!I28</f>
        <v>0</v>
      </c>
      <c r="N12" s="26">
        <f>入力様式!J28</f>
        <v>0</v>
      </c>
      <c r="O12" s="26">
        <f>入力様式!K28</f>
        <v>0</v>
      </c>
      <c r="P12" s="26">
        <f>入力様式!L28</f>
        <v>0</v>
      </c>
      <c r="Q12" s="35">
        <f t="shared" si="0"/>
        <v>0</v>
      </c>
      <c r="R12" s="35">
        <f t="shared" si="1"/>
        <v>0</v>
      </c>
    </row>
    <row r="13" spans="1:18" ht="25.15" customHeight="1" x14ac:dyDescent="0.15">
      <c r="A13" s="22"/>
      <c r="B13" s="18"/>
      <c r="C13" s="20"/>
      <c r="D13" s="18"/>
      <c r="E13" s="20"/>
      <c r="F13" s="26">
        <f>入力様式!B29</f>
        <v>0</v>
      </c>
      <c r="G13" s="26">
        <f>入力様式!C29</f>
        <v>0</v>
      </c>
      <c r="H13" s="26">
        <f>入力様式!D29</f>
        <v>0</v>
      </c>
      <c r="I13" s="26">
        <f>入力様式!E29</f>
        <v>0</v>
      </c>
      <c r="J13" s="26">
        <f>入力様式!F29</f>
        <v>0</v>
      </c>
      <c r="K13" s="26">
        <f>入力様式!G29</f>
        <v>0</v>
      </c>
      <c r="L13" s="26">
        <f>入力様式!H29</f>
        <v>0</v>
      </c>
      <c r="M13" s="26">
        <f>入力様式!I29</f>
        <v>0</v>
      </c>
      <c r="N13" s="26">
        <f>入力様式!J29</f>
        <v>0</v>
      </c>
      <c r="O13" s="26">
        <f>入力様式!K29</f>
        <v>0</v>
      </c>
      <c r="P13" s="26">
        <f>入力様式!L29</f>
        <v>0</v>
      </c>
      <c r="Q13" s="35">
        <f t="shared" si="0"/>
        <v>0</v>
      </c>
      <c r="R13" s="35">
        <f t="shared" si="1"/>
        <v>0</v>
      </c>
    </row>
    <row r="14" spans="1:18" ht="25.15" customHeight="1" x14ac:dyDescent="0.15">
      <c r="A14" s="22"/>
      <c r="B14" s="18"/>
      <c r="C14" s="20"/>
      <c r="D14" s="18"/>
      <c r="E14" s="20"/>
      <c r="F14" s="26">
        <f>入力様式!B30</f>
        <v>0</v>
      </c>
      <c r="G14" s="26">
        <f>入力様式!C30</f>
        <v>0</v>
      </c>
      <c r="H14" s="26">
        <f>入力様式!D30</f>
        <v>0</v>
      </c>
      <c r="I14" s="26">
        <f>入力様式!E30</f>
        <v>0</v>
      </c>
      <c r="J14" s="26">
        <f>入力様式!F30</f>
        <v>0</v>
      </c>
      <c r="K14" s="26">
        <f>入力様式!G30</f>
        <v>0</v>
      </c>
      <c r="L14" s="26">
        <f>入力様式!H30</f>
        <v>0</v>
      </c>
      <c r="M14" s="26">
        <f>入力様式!I30</f>
        <v>0</v>
      </c>
      <c r="N14" s="26">
        <f>入力様式!J30</f>
        <v>0</v>
      </c>
      <c r="O14" s="26">
        <f>入力様式!K30</f>
        <v>0</v>
      </c>
      <c r="P14" s="26">
        <f>入力様式!L30</f>
        <v>0</v>
      </c>
      <c r="Q14" s="35">
        <f t="shared" si="0"/>
        <v>0</v>
      </c>
      <c r="R14" s="35">
        <f t="shared" si="1"/>
        <v>0</v>
      </c>
    </row>
    <row r="15" spans="1:18" ht="25.15" customHeight="1" x14ac:dyDescent="0.15">
      <c r="A15" s="22"/>
      <c r="B15" s="18"/>
      <c r="C15" s="20"/>
      <c r="D15" s="18"/>
      <c r="E15" s="20"/>
      <c r="F15" s="26">
        <f>入力様式!B31</f>
        <v>0</v>
      </c>
      <c r="G15" s="26">
        <f>入力様式!C31</f>
        <v>0</v>
      </c>
      <c r="H15" s="26">
        <f>入力様式!D31</f>
        <v>0</v>
      </c>
      <c r="I15" s="26">
        <f>入力様式!E31</f>
        <v>0</v>
      </c>
      <c r="J15" s="26">
        <f>入力様式!F31</f>
        <v>0</v>
      </c>
      <c r="K15" s="26">
        <f>入力様式!G31</f>
        <v>0</v>
      </c>
      <c r="L15" s="26">
        <f>入力様式!H31</f>
        <v>0</v>
      </c>
      <c r="M15" s="26">
        <f>入力様式!I31</f>
        <v>0</v>
      </c>
      <c r="N15" s="26">
        <f>入力様式!J31</f>
        <v>0</v>
      </c>
      <c r="O15" s="26">
        <f>入力様式!K31</f>
        <v>0</v>
      </c>
      <c r="P15" s="26">
        <f>入力様式!L31</f>
        <v>0</v>
      </c>
      <c r="Q15" s="35">
        <f t="shared" si="0"/>
        <v>0</v>
      </c>
      <c r="R15" s="35">
        <f t="shared" si="1"/>
        <v>0</v>
      </c>
    </row>
    <row r="16" spans="1:18" ht="25.15" customHeight="1" x14ac:dyDescent="0.15">
      <c r="A16" s="22"/>
      <c r="B16" s="18"/>
      <c r="C16" s="20"/>
      <c r="D16" s="18"/>
      <c r="E16" s="20"/>
      <c r="F16" s="26">
        <f>入力様式!B32</f>
        <v>0</v>
      </c>
      <c r="G16" s="26">
        <f>入力様式!C32</f>
        <v>0</v>
      </c>
      <c r="H16" s="26">
        <f>入力様式!D32</f>
        <v>0</v>
      </c>
      <c r="I16" s="26">
        <f>入力様式!E32</f>
        <v>0</v>
      </c>
      <c r="J16" s="26">
        <f>入力様式!F32</f>
        <v>0</v>
      </c>
      <c r="K16" s="26">
        <f>入力様式!G32</f>
        <v>0</v>
      </c>
      <c r="L16" s="26">
        <f>入力様式!H32</f>
        <v>0</v>
      </c>
      <c r="M16" s="26">
        <f>入力様式!I32</f>
        <v>0</v>
      </c>
      <c r="N16" s="26">
        <f>入力様式!J32</f>
        <v>0</v>
      </c>
      <c r="O16" s="26">
        <f>入力様式!K32</f>
        <v>0</v>
      </c>
      <c r="P16" s="26">
        <f>入力様式!L32</f>
        <v>0</v>
      </c>
      <c r="Q16" s="35">
        <f t="shared" si="0"/>
        <v>0</v>
      </c>
      <c r="R16" s="35">
        <f t="shared" si="1"/>
        <v>0</v>
      </c>
    </row>
    <row r="17" spans="1:18" ht="25.15" customHeight="1" x14ac:dyDescent="0.15">
      <c r="A17" s="22"/>
      <c r="B17" s="18"/>
      <c r="C17" s="20"/>
      <c r="D17" s="18"/>
      <c r="E17" s="20"/>
      <c r="F17" s="26">
        <f>入力様式!B33</f>
        <v>0</v>
      </c>
      <c r="G17" s="26">
        <f>入力様式!C33</f>
        <v>0</v>
      </c>
      <c r="H17" s="26">
        <f>入力様式!D33</f>
        <v>0</v>
      </c>
      <c r="I17" s="26">
        <f>入力様式!E33</f>
        <v>0</v>
      </c>
      <c r="J17" s="26">
        <f>入力様式!F33</f>
        <v>0</v>
      </c>
      <c r="K17" s="26">
        <f>入力様式!G33</f>
        <v>0</v>
      </c>
      <c r="L17" s="26">
        <f>入力様式!H33</f>
        <v>0</v>
      </c>
      <c r="M17" s="26">
        <f>入力様式!I33</f>
        <v>0</v>
      </c>
      <c r="N17" s="26">
        <f>入力様式!J33</f>
        <v>0</v>
      </c>
      <c r="O17" s="26">
        <f>入力様式!K33</f>
        <v>0</v>
      </c>
      <c r="P17" s="26">
        <f>入力様式!L33</f>
        <v>0</v>
      </c>
      <c r="Q17" s="35">
        <f t="shared" si="0"/>
        <v>0</v>
      </c>
      <c r="R17" s="35">
        <f t="shared" si="1"/>
        <v>0</v>
      </c>
    </row>
    <row r="18" spans="1:18" ht="25.15" customHeight="1" x14ac:dyDescent="0.15">
      <c r="A18" s="22"/>
      <c r="B18" s="18"/>
      <c r="C18" s="20"/>
      <c r="D18" s="18"/>
      <c r="E18" s="20"/>
      <c r="F18" s="26">
        <f>入力様式!B34</f>
        <v>0</v>
      </c>
      <c r="G18" s="26">
        <f>入力様式!C34</f>
        <v>0</v>
      </c>
      <c r="H18" s="26">
        <f>入力様式!D34</f>
        <v>0</v>
      </c>
      <c r="I18" s="26">
        <f>入力様式!E34</f>
        <v>0</v>
      </c>
      <c r="J18" s="26">
        <f>入力様式!F34</f>
        <v>0</v>
      </c>
      <c r="K18" s="26">
        <f>入力様式!G34</f>
        <v>0</v>
      </c>
      <c r="L18" s="26">
        <f>入力様式!H34</f>
        <v>0</v>
      </c>
      <c r="M18" s="26">
        <f>入力様式!I34</f>
        <v>0</v>
      </c>
      <c r="N18" s="26">
        <f>入力様式!J34</f>
        <v>0</v>
      </c>
      <c r="O18" s="26">
        <f>入力様式!K34</f>
        <v>0</v>
      </c>
      <c r="P18" s="26">
        <f>入力様式!L34</f>
        <v>0</v>
      </c>
      <c r="Q18" s="35">
        <f t="shared" si="0"/>
        <v>0</v>
      </c>
      <c r="R18" s="35">
        <f t="shared" si="1"/>
        <v>0</v>
      </c>
    </row>
    <row r="19" spans="1:18" ht="25.15" customHeight="1" x14ac:dyDescent="0.15">
      <c r="A19" s="22"/>
      <c r="B19" s="18"/>
      <c r="C19" s="20"/>
      <c r="D19" s="18"/>
      <c r="E19" s="20"/>
      <c r="F19" s="26">
        <f>入力様式!B35</f>
        <v>0</v>
      </c>
      <c r="G19" s="26">
        <f>入力様式!C35</f>
        <v>0</v>
      </c>
      <c r="H19" s="26">
        <f>入力様式!D35</f>
        <v>0</v>
      </c>
      <c r="I19" s="26">
        <f>入力様式!E35</f>
        <v>0</v>
      </c>
      <c r="J19" s="26">
        <f>入力様式!F35</f>
        <v>0</v>
      </c>
      <c r="K19" s="26">
        <f>入力様式!G35</f>
        <v>0</v>
      </c>
      <c r="L19" s="26">
        <f>入力様式!H35</f>
        <v>0</v>
      </c>
      <c r="M19" s="26">
        <f>入力様式!I35</f>
        <v>0</v>
      </c>
      <c r="N19" s="26">
        <f>入力様式!J35</f>
        <v>0</v>
      </c>
      <c r="O19" s="26">
        <f>入力様式!K35</f>
        <v>0</v>
      </c>
      <c r="P19" s="26">
        <f>入力様式!L35</f>
        <v>0</v>
      </c>
      <c r="Q19" s="35">
        <f t="shared" si="0"/>
        <v>0</v>
      </c>
      <c r="R19" s="35">
        <f t="shared" si="1"/>
        <v>0</v>
      </c>
    </row>
    <row r="20" spans="1:18" ht="25.15" customHeight="1" x14ac:dyDescent="0.15">
      <c r="A20" s="22"/>
      <c r="B20" s="18"/>
      <c r="C20" s="20"/>
      <c r="D20" s="18"/>
      <c r="E20" s="20"/>
      <c r="F20" s="26">
        <f>入力様式!B36</f>
        <v>0</v>
      </c>
      <c r="G20" s="26">
        <f>入力様式!C36</f>
        <v>0</v>
      </c>
      <c r="H20" s="26">
        <f>入力様式!D36</f>
        <v>0</v>
      </c>
      <c r="I20" s="26">
        <f>入力様式!E36</f>
        <v>0</v>
      </c>
      <c r="J20" s="26">
        <f>入力様式!F36</f>
        <v>0</v>
      </c>
      <c r="K20" s="26">
        <f>入力様式!G36</f>
        <v>0</v>
      </c>
      <c r="L20" s="26">
        <f>入力様式!H36</f>
        <v>0</v>
      </c>
      <c r="M20" s="26">
        <f>入力様式!I36</f>
        <v>0</v>
      </c>
      <c r="N20" s="26">
        <f>入力様式!J36</f>
        <v>0</v>
      </c>
      <c r="O20" s="26">
        <f>入力様式!K36</f>
        <v>0</v>
      </c>
      <c r="P20" s="26">
        <f>入力様式!L36</f>
        <v>0</v>
      </c>
      <c r="Q20" s="35">
        <f t="shared" si="0"/>
        <v>0</v>
      </c>
      <c r="R20" s="35">
        <f t="shared" si="1"/>
        <v>0</v>
      </c>
    </row>
    <row r="21" spans="1:18" ht="25.15" customHeight="1" x14ac:dyDescent="0.15">
      <c r="A21" s="22"/>
      <c r="B21" s="18"/>
      <c r="C21" s="20"/>
      <c r="D21" s="18"/>
      <c r="E21" s="20"/>
      <c r="F21" s="26">
        <f>入力様式!B37</f>
        <v>0</v>
      </c>
      <c r="G21" s="26">
        <f>入力様式!C37</f>
        <v>0</v>
      </c>
      <c r="H21" s="26">
        <f>入力様式!D37</f>
        <v>0</v>
      </c>
      <c r="I21" s="26">
        <f>入力様式!E37</f>
        <v>0</v>
      </c>
      <c r="J21" s="26">
        <f>入力様式!F37</f>
        <v>0</v>
      </c>
      <c r="K21" s="26">
        <f>入力様式!G37</f>
        <v>0</v>
      </c>
      <c r="L21" s="26">
        <f>入力様式!H37</f>
        <v>0</v>
      </c>
      <c r="M21" s="26">
        <f>入力様式!I37</f>
        <v>0</v>
      </c>
      <c r="N21" s="26">
        <f>入力様式!J37</f>
        <v>0</v>
      </c>
      <c r="O21" s="26">
        <f>入力様式!K37</f>
        <v>0</v>
      </c>
      <c r="P21" s="26">
        <f>入力様式!L37</f>
        <v>0</v>
      </c>
      <c r="Q21" s="35">
        <f t="shared" si="0"/>
        <v>0</v>
      </c>
      <c r="R21" s="35">
        <f t="shared" si="1"/>
        <v>0</v>
      </c>
    </row>
    <row r="22" spans="1:18" ht="25.15" customHeight="1" x14ac:dyDescent="0.15">
      <c r="A22" s="22"/>
      <c r="B22" s="18"/>
      <c r="C22" s="20"/>
      <c r="D22" s="18"/>
      <c r="E22" s="20"/>
      <c r="F22" s="26">
        <f>入力様式!B38</f>
        <v>0</v>
      </c>
      <c r="G22" s="26">
        <f>入力様式!C38</f>
        <v>0</v>
      </c>
      <c r="H22" s="26">
        <f>入力様式!D38</f>
        <v>0</v>
      </c>
      <c r="I22" s="26">
        <f>入力様式!E38</f>
        <v>0</v>
      </c>
      <c r="J22" s="26">
        <f>入力様式!F38</f>
        <v>0</v>
      </c>
      <c r="K22" s="26">
        <f>入力様式!G38</f>
        <v>0</v>
      </c>
      <c r="L22" s="26">
        <f>入力様式!H38</f>
        <v>0</v>
      </c>
      <c r="M22" s="26">
        <f>入力様式!I38</f>
        <v>0</v>
      </c>
      <c r="N22" s="26">
        <f>入力様式!J38</f>
        <v>0</v>
      </c>
      <c r="O22" s="26">
        <f>入力様式!K38</f>
        <v>0</v>
      </c>
      <c r="P22" s="26">
        <f>入力様式!L38</f>
        <v>0</v>
      </c>
      <c r="Q22" s="35">
        <f t="shared" si="0"/>
        <v>0</v>
      </c>
      <c r="R22" s="35">
        <f t="shared" si="1"/>
        <v>0</v>
      </c>
    </row>
    <row r="23" spans="1:18" ht="25.15" customHeight="1" x14ac:dyDescent="0.15">
      <c r="A23" s="22"/>
      <c r="B23" s="18"/>
      <c r="C23" s="20"/>
      <c r="D23" s="18"/>
      <c r="E23" s="20"/>
      <c r="F23" s="26">
        <f>入力様式!B39</f>
        <v>0</v>
      </c>
      <c r="G23" s="26">
        <f>入力様式!C39</f>
        <v>0</v>
      </c>
      <c r="H23" s="26">
        <f>入力様式!D39</f>
        <v>0</v>
      </c>
      <c r="I23" s="26">
        <f>入力様式!E39</f>
        <v>0</v>
      </c>
      <c r="J23" s="26">
        <f>入力様式!F39</f>
        <v>0</v>
      </c>
      <c r="K23" s="26">
        <f>入力様式!G39</f>
        <v>0</v>
      </c>
      <c r="L23" s="26">
        <f>入力様式!H39</f>
        <v>0</v>
      </c>
      <c r="M23" s="26">
        <f>入力様式!I39</f>
        <v>0</v>
      </c>
      <c r="N23" s="26">
        <f>入力様式!J39</f>
        <v>0</v>
      </c>
      <c r="O23" s="26">
        <f>入力様式!K39</f>
        <v>0</v>
      </c>
      <c r="P23" s="26">
        <f>入力様式!L39</f>
        <v>0</v>
      </c>
      <c r="Q23" s="35">
        <f t="shared" si="0"/>
        <v>0</v>
      </c>
      <c r="R23" s="35">
        <f t="shared" si="1"/>
        <v>0</v>
      </c>
    </row>
    <row r="24" spans="1:18" ht="25.15" customHeight="1" x14ac:dyDescent="0.15">
      <c r="A24" s="22"/>
      <c r="B24" s="18"/>
      <c r="C24" s="20"/>
      <c r="D24" s="18"/>
      <c r="E24" s="20"/>
      <c r="F24" s="26">
        <f>入力様式!B40</f>
        <v>0</v>
      </c>
      <c r="G24" s="26">
        <f>入力様式!C40</f>
        <v>0</v>
      </c>
      <c r="H24" s="26">
        <f>入力様式!D40</f>
        <v>0</v>
      </c>
      <c r="I24" s="26">
        <f>入力様式!E40</f>
        <v>0</v>
      </c>
      <c r="J24" s="26">
        <f>入力様式!F40</f>
        <v>0</v>
      </c>
      <c r="K24" s="26">
        <f>入力様式!G40</f>
        <v>0</v>
      </c>
      <c r="L24" s="26">
        <f>入力様式!H40</f>
        <v>0</v>
      </c>
      <c r="M24" s="26">
        <f>入力様式!I40</f>
        <v>0</v>
      </c>
      <c r="N24" s="26">
        <f>入力様式!J40</f>
        <v>0</v>
      </c>
      <c r="O24" s="26">
        <f>入力様式!K40</f>
        <v>0</v>
      </c>
      <c r="P24" s="26">
        <f>入力様式!L40</f>
        <v>0</v>
      </c>
      <c r="Q24" s="35">
        <f t="shared" si="0"/>
        <v>0</v>
      </c>
      <c r="R24" s="35">
        <f t="shared" si="1"/>
        <v>0</v>
      </c>
    </row>
    <row r="25" spans="1:18" ht="25.15" customHeight="1" x14ac:dyDescent="0.15">
      <c r="A25" s="22"/>
      <c r="B25" s="18"/>
      <c r="C25" s="20"/>
      <c r="D25" s="18"/>
      <c r="E25" s="20"/>
      <c r="F25" s="26">
        <f>入力様式!B41</f>
        <v>0</v>
      </c>
      <c r="G25" s="26">
        <f>入力様式!C41</f>
        <v>0</v>
      </c>
      <c r="H25" s="26">
        <f>入力様式!D41</f>
        <v>0</v>
      </c>
      <c r="I25" s="26">
        <f>入力様式!E41</f>
        <v>0</v>
      </c>
      <c r="J25" s="26">
        <f>入力様式!F41</f>
        <v>0</v>
      </c>
      <c r="K25" s="26">
        <f>入力様式!G41</f>
        <v>0</v>
      </c>
      <c r="L25" s="26">
        <f>入力様式!H41</f>
        <v>0</v>
      </c>
      <c r="M25" s="26">
        <f>入力様式!I41</f>
        <v>0</v>
      </c>
      <c r="N25" s="26">
        <f>入力様式!J41</f>
        <v>0</v>
      </c>
      <c r="O25" s="26">
        <f>入力様式!K41</f>
        <v>0</v>
      </c>
      <c r="P25" s="26">
        <f>入力様式!L41</f>
        <v>0</v>
      </c>
      <c r="Q25" s="35">
        <f t="shared" si="0"/>
        <v>0</v>
      </c>
      <c r="R25" s="35">
        <f t="shared" si="1"/>
        <v>0</v>
      </c>
    </row>
    <row r="26" spans="1:18" ht="25.15" customHeight="1" x14ac:dyDescent="0.15">
      <c r="A26" s="22"/>
      <c r="B26" s="18"/>
      <c r="C26" s="20"/>
      <c r="D26" s="18"/>
      <c r="E26" s="20"/>
      <c r="F26" s="26">
        <f>入力様式!B42</f>
        <v>0</v>
      </c>
      <c r="G26" s="26">
        <f>入力様式!C42</f>
        <v>0</v>
      </c>
      <c r="H26" s="26">
        <f>入力様式!D42</f>
        <v>0</v>
      </c>
      <c r="I26" s="26">
        <f>入力様式!E42</f>
        <v>0</v>
      </c>
      <c r="J26" s="26">
        <f>入力様式!F42</f>
        <v>0</v>
      </c>
      <c r="K26" s="26">
        <f>入力様式!G42</f>
        <v>0</v>
      </c>
      <c r="L26" s="26">
        <f>入力様式!H42</f>
        <v>0</v>
      </c>
      <c r="M26" s="26">
        <f>入力様式!I42</f>
        <v>0</v>
      </c>
      <c r="N26" s="26">
        <f>入力様式!J42</f>
        <v>0</v>
      </c>
      <c r="O26" s="26">
        <f>入力様式!K42</f>
        <v>0</v>
      </c>
      <c r="P26" s="26">
        <f>入力様式!L42</f>
        <v>0</v>
      </c>
      <c r="Q26" s="35">
        <f t="shared" si="0"/>
        <v>0</v>
      </c>
      <c r="R26" s="35">
        <f t="shared" si="1"/>
        <v>0</v>
      </c>
    </row>
    <row r="27" spans="1:18" ht="25.15" customHeight="1" x14ac:dyDescent="0.15">
      <c r="A27" s="22"/>
      <c r="B27" s="18"/>
      <c r="C27" s="20"/>
      <c r="D27" s="18"/>
      <c r="E27" s="20"/>
      <c r="F27" s="26">
        <f>入力様式!B43</f>
        <v>0</v>
      </c>
      <c r="G27" s="26">
        <f>入力様式!C43</f>
        <v>0</v>
      </c>
      <c r="H27" s="26">
        <f>入力様式!D43</f>
        <v>0</v>
      </c>
      <c r="I27" s="26">
        <f>入力様式!E43</f>
        <v>0</v>
      </c>
      <c r="J27" s="26">
        <f>入力様式!F43</f>
        <v>0</v>
      </c>
      <c r="K27" s="26">
        <f>入力様式!G43</f>
        <v>0</v>
      </c>
      <c r="L27" s="26">
        <f>入力様式!H43</f>
        <v>0</v>
      </c>
      <c r="M27" s="26">
        <f>入力様式!I43</f>
        <v>0</v>
      </c>
      <c r="N27" s="26">
        <f>入力様式!J43</f>
        <v>0</v>
      </c>
      <c r="O27" s="26">
        <f>入力様式!K43</f>
        <v>0</v>
      </c>
      <c r="P27" s="26">
        <f>入力様式!L43</f>
        <v>0</v>
      </c>
      <c r="Q27" s="35">
        <f t="shared" si="0"/>
        <v>0</v>
      </c>
      <c r="R27" s="35">
        <f t="shared" si="1"/>
        <v>0</v>
      </c>
    </row>
    <row r="28" spans="1:18" ht="25.15" customHeight="1" x14ac:dyDescent="0.15">
      <c r="A28" s="22"/>
      <c r="B28" s="18"/>
      <c r="C28" s="20"/>
      <c r="D28" s="18"/>
      <c r="E28" s="20"/>
      <c r="F28" s="26">
        <f>入力様式!B44</f>
        <v>0</v>
      </c>
      <c r="G28" s="26">
        <f>入力様式!C44</f>
        <v>0</v>
      </c>
      <c r="H28" s="26">
        <f>入力様式!D44</f>
        <v>0</v>
      </c>
      <c r="I28" s="26">
        <f>入力様式!E44</f>
        <v>0</v>
      </c>
      <c r="J28" s="26">
        <f>入力様式!F44</f>
        <v>0</v>
      </c>
      <c r="K28" s="26">
        <f>入力様式!G44</f>
        <v>0</v>
      </c>
      <c r="L28" s="26">
        <f>入力様式!H44</f>
        <v>0</v>
      </c>
      <c r="M28" s="26">
        <f>入力様式!I44</f>
        <v>0</v>
      </c>
      <c r="N28" s="26">
        <f>入力様式!J44</f>
        <v>0</v>
      </c>
      <c r="O28" s="26">
        <f>入力様式!K44</f>
        <v>0</v>
      </c>
      <c r="P28" s="26">
        <f>入力様式!L44</f>
        <v>0</v>
      </c>
      <c r="Q28" s="35">
        <f t="shared" si="0"/>
        <v>0</v>
      </c>
      <c r="R28" s="35">
        <f t="shared" si="1"/>
        <v>0</v>
      </c>
    </row>
    <row r="29" spans="1:18" ht="25.15" customHeight="1" x14ac:dyDescent="0.15">
      <c r="A29" s="22"/>
      <c r="B29" s="18"/>
      <c r="C29" s="20"/>
      <c r="D29" s="18"/>
      <c r="E29" s="20"/>
      <c r="F29" s="26">
        <f>入力様式!B45</f>
        <v>0</v>
      </c>
      <c r="G29" s="26">
        <f>入力様式!C45</f>
        <v>0</v>
      </c>
      <c r="H29" s="26">
        <f>入力様式!D45</f>
        <v>0</v>
      </c>
      <c r="I29" s="26">
        <f>入力様式!E45</f>
        <v>0</v>
      </c>
      <c r="J29" s="26">
        <f>入力様式!F45</f>
        <v>0</v>
      </c>
      <c r="K29" s="26">
        <f>入力様式!G45</f>
        <v>0</v>
      </c>
      <c r="L29" s="26">
        <f>入力様式!H45</f>
        <v>0</v>
      </c>
      <c r="M29" s="26">
        <f>入力様式!I45</f>
        <v>0</v>
      </c>
      <c r="N29" s="26">
        <f>入力様式!J45</f>
        <v>0</v>
      </c>
      <c r="O29" s="26">
        <f>入力様式!K45</f>
        <v>0</v>
      </c>
      <c r="P29" s="26">
        <f>入力様式!L45</f>
        <v>0</v>
      </c>
      <c r="Q29" s="35">
        <f t="shared" si="0"/>
        <v>0</v>
      </c>
      <c r="R29" s="35">
        <f t="shared" si="1"/>
        <v>0</v>
      </c>
    </row>
    <row r="30" spans="1:18" ht="25.15" customHeight="1" x14ac:dyDescent="0.15">
      <c r="A30" s="22"/>
      <c r="B30" s="18"/>
      <c r="C30" s="20"/>
      <c r="D30" s="18"/>
      <c r="E30" s="20"/>
      <c r="F30" s="26">
        <f>入力様式!B46</f>
        <v>0</v>
      </c>
      <c r="G30" s="26">
        <f>入力様式!C46</f>
        <v>0</v>
      </c>
      <c r="H30" s="26">
        <f>入力様式!D46</f>
        <v>0</v>
      </c>
      <c r="I30" s="26">
        <f>入力様式!E46</f>
        <v>0</v>
      </c>
      <c r="J30" s="26">
        <f>入力様式!F46</f>
        <v>0</v>
      </c>
      <c r="K30" s="26">
        <f>入力様式!G46</f>
        <v>0</v>
      </c>
      <c r="L30" s="26">
        <f>入力様式!H46</f>
        <v>0</v>
      </c>
      <c r="M30" s="26">
        <f>入力様式!I46</f>
        <v>0</v>
      </c>
      <c r="N30" s="26">
        <f>入力様式!J46</f>
        <v>0</v>
      </c>
      <c r="O30" s="26">
        <f>入力様式!K46</f>
        <v>0</v>
      </c>
      <c r="P30" s="26">
        <f>入力様式!L46</f>
        <v>0</v>
      </c>
      <c r="Q30" s="35">
        <f t="shared" si="0"/>
        <v>0</v>
      </c>
      <c r="R30" s="35">
        <f t="shared" si="1"/>
        <v>0</v>
      </c>
    </row>
    <row r="31" spans="1:18" ht="25.15" customHeight="1" x14ac:dyDescent="0.15">
      <c r="A31" s="22"/>
      <c r="B31" s="18"/>
      <c r="C31" s="20"/>
      <c r="D31" s="18"/>
      <c r="E31" s="20"/>
      <c r="F31" s="26">
        <f>入力様式!B47</f>
        <v>0</v>
      </c>
      <c r="G31" s="26">
        <f>入力様式!C47</f>
        <v>0</v>
      </c>
      <c r="H31" s="26">
        <f>入力様式!D47</f>
        <v>0</v>
      </c>
      <c r="I31" s="26">
        <f>入力様式!E47</f>
        <v>0</v>
      </c>
      <c r="J31" s="26">
        <f>入力様式!F47</f>
        <v>0</v>
      </c>
      <c r="K31" s="26">
        <f>入力様式!G47</f>
        <v>0</v>
      </c>
      <c r="L31" s="26">
        <f>入力様式!H47</f>
        <v>0</v>
      </c>
      <c r="M31" s="26">
        <f>入力様式!I47</f>
        <v>0</v>
      </c>
      <c r="N31" s="26">
        <f>入力様式!J47</f>
        <v>0</v>
      </c>
      <c r="O31" s="26">
        <f>入力様式!K47</f>
        <v>0</v>
      </c>
      <c r="P31" s="26">
        <f>入力様式!L47</f>
        <v>0</v>
      </c>
      <c r="Q31" s="35">
        <f t="shared" si="0"/>
        <v>0</v>
      </c>
      <c r="R31" s="35">
        <f t="shared" si="1"/>
        <v>0</v>
      </c>
    </row>
    <row r="32" spans="1:18" ht="25.15" customHeight="1" x14ac:dyDescent="0.15">
      <c r="A32" s="22"/>
      <c r="B32" s="18"/>
      <c r="C32" s="20"/>
      <c r="D32" s="18"/>
      <c r="E32" s="20"/>
      <c r="F32" s="26">
        <f>入力様式!B48</f>
        <v>0</v>
      </c>
      <c r="G32" s="26">
        <f>入力様式!C48</f>
        <v>0</v>
      </c>
      <c r="H32" s="26">
        <f>入力様式!D48</f>
        <v>0</v>
      </c>
      <c r="I32" s="26">
        <f>入力様式!E48</f>
        <v>0</v>
      </c>
      <c r="J32" s="26">
        <f>入力様式!F48</f>
        <v>0</v>
      </c>
      <c r="K32" s="26">
        <f>入力様式!G48</f>
        <v>0</v>
      </c>
      <c r="L32" s="26">
        <f>入力様式!H48</f>
        <v>0</v>
      </c>
      <c r="M32" s="26">
        <f>入力様式!I48</f>
        <v>0</v>
      </c>
      <c r="N32" s="26">
        <f>入力様式!J48</f>
        <v>0</v>
      </c>
      <c r="O32" s="26">
        <f>入力様式!K48</f>
        <v>0</v>
      </c>
      <c r="P32" s="26">
        <f>入力様式!L48</f>
        <v>0</v>
      </c>
      <c r="Q32" s="35">
        <f t="shared" si="0"/>
        <v>0</v>
      </c>
      <c r="R32" s="35">
        <f t="shared" si="1"/>
        <v>0</v>
      </c>
    </row>
    <row r="33" spans="1:18" ht="25.15" customHeight="1" x14ac:dyDescent="0.15">
      <c r="A33" s="22"/>
      <c r="B33" s="18"/>
      <c r="C33" s="20"/>
      <c r="D33" s="18"/>
      <c r="E33" s="20"/>
      <c r="F33" s="26">
        <f>入力様式!B49</f>
        <v>0</v>
      </c>
      <c r="G33" s="26">
        <f>入力様式!C49</f>
        <v>0</v>
      </c>
      <c r="H33" s="26">
        <f>入力様式!D49</f>
        <v>0</v>
      </c>
      <c r="I33" s="26">
        <f>入力様式!E49</f>
        <v>0</v>
      </c>
      <c r="J33" s="26">
        <f>入力様式!F49</f>
        <v>0</v>
      </c>
      <c r="K33" s="26">
        <f>入力様式!G49</f>
        <v>0</v>
      </c>
      <c r="L33" s="26">
        <f>入力様式!H49</f>
        <v>0</v>
      </c>
      <c r="M33" s="26">
        <f>入力様式!I49</f>
        <v>0</v>
      </c>
      <c r="N33" s="26">
        <f>入力様式!J49</f>
        <v>0</v>
      </c>
      <c r="O33" s="26">
        <f>入力様式!K49</f>
        <v>0</v>
      </c>
      <c r="P33" s="26">
        <f>入力様式!L49</f>
        <v>0</v>
      </c>
      <c r="Q33" s="35">
        <f t="shared" si="0"/>
        <v>0</v>
      </c>
      <c r="R33" s="35">
        <f t="shared" si="1"/>
        <v>0</v>
      </c>
    </row>
    <row r="34" spans="1:18" ht="25.15" customHeight="1" x14ac:dyDescent="0.15">
      <c r="A34" s="22"/>
      <c r="B34" s="18"/>
      <c r="C34" s="20"/>
      <c r="D34" s="18"/>
      <c r="E34" s="20"/>
      <c r="F34" s="26">
        <f>入力様式!B50</f>
        <v>0</v>
      </c>
      <c r="G34" s="26">
        <f>入力様式!C50</f>
        <v>0</v>
      </c>
      <c r="H34" s="26">
        <f>入力様式!D50</f>
        <v>0</v>
      </c>
      <c r="I34" s="26">
        <f>入力様式!E50</f>
        <v>0</v>
      </c>
      <c r="J34" s="26">
        <f>入力様式!F50</f>
        <v>0</v>
      </c>
      <c r="K34" s="26">
        <f>入力様式!G50</f>
        <v>0</v>
      </c>
      <c r="L34" s="26">
        <f>入力様式!H50</f>
        <v>0</v>
      </c>
      <c r="M34" s="26">
        <f>入力様式!I50</f>
        <v>0</v>
      </c>
      <c r="N34" s="26">
        <f>入力様式!J50</f>
        <v>0</v>
      </c>
      <c r="O34" s="26">
        <f>入力様式!K50</f>
        <v>0</v>
      </c>
      <c r="P34" s="26">
        <f>入力様式!L50</f>
        <v>0</v>
      </c>
      <c r="Q34" s="35">
        <f t="shared" si="0"/>
        <v>0</v>
      </c>
      <c r="R34" s="35">
        <f t="shared" si="1"/>
        <v>0</v>
      </c>
    </row>
    <row r="35" spans="1:18" ht="25.15" customHeight="1" x14ac:dyDescent="0.15">
      <c r="A35" s="22"/>
      <c r="B35" s="18"/>
      <c r="C35" s="20"/>
      <c r="D35" s="18"/>
      <c r="E35" s="20"/>
      <c r="F35" s="26">
        <f>入力様式!B51</f>
        <v>0</v>
      </c>
      <c r="G35" s="26">
        <f>入力様式!C51</f>
        <v>0</v>
      </c>
      <c r="H35" s="26">
        <f>入力様式!D51</f>
        <v>0</v>
      </c>
      <c r="I35" s="26">
        <f>入力様式!E51</f>
        <v>0</v>
      </c>
      <c r="J35" s="26">
        <f>入力様式!F51</f>
        <v>0</v>
      </c>
      <c r="K35" s="26">
        <f>入力様式!G51</f>
        <v>0</v>
      </c>
      <c r="L35" s="26">
        <f>入力様式!H51</f>
        <v>0</v>
      </c>
      <c r="M35" s="26">
        <f>入力様式!I51</f>
        <v>0</v>
      </c>
      <c r="N35" s="26">
        <f>入力様式!J51</f>
        <v>0</v>
      </c>
      <c r="O35" s="26">
        <f>入力様式!K51</f>
        <v>0</v>
      </c>
      <c r="P35" s="26">
        <f>入力様式!L51</f>
        <v>0</v>
      </c>
      <c r="Q35" s="35">
        <f t="shared" si="0"/>
        <v>0</v>
      </c>
      <c r="R35" s="35">
        <f t="shared" si="1"/>
        <v>0</v>
      </c>
    </row>
    <row r="36" spans="1:18" ht="25.15" customHeight="1" x14ac:dyDescent="0.15">
      <c r="A36" s="22"/>
      <c r="B36" s="18"/>
      <c r="C36" s="20"/>
      <c r="D36" s="18"/>
      <c r="E36" s="20"/>
      <c r="F36" s="26">
        <f>入力様式!B52</f>
        <v>0</v>
      </c>
      <c r="G36" s="26">
        <f>入力様式!C52</f>
        <v>0</v>
      </c>
      <c r="H36" s="26">
        <f>入力様式!D52</f>
        <v>0</v>
      </c>
      <c r="I36" s="26">
        <f>入力様式!E52</f>
        <v>0</v>
      </c>
      <c r="J36" s="26">
        <f>入力様式!F52</f>
        <v>0</v>
      </c>
      <c r="K36" s="26">
        <f>入力様式!G52</f>
        <v>0</v>
      </c>
      <c r="L36" s="26">
        <f>入力様式!H52</f>
        <v>0</v>
      </c>
      <c r="M36" s="26">
        <f>入力様式!I52</f>
        <v>0</v>
      </c>
      <c r="N36" s="26">
        <f>入力様式!J52</f>
        <v>0</v>
      </c>
      <c r="O36" s="26">
        <f>入力様式!K52</f>
        <v>0</v>
      </c>
      <c r="P36" s="26">
        <f>入力様式!L52</f>
        <v>0</v>
      </c>
      <c r="Q36" s="35">
        <f t="shared" si="0"/>
        <v>0</v>
      </c>
      <c r="R36" s="35">
        <f t="shared" si="1"/>
        <v>0</v>
      </c>
    </row>
    <row r="37" spans="1:18" ht="25.15" customHeight="1" x14ac:dyDescent="0.15">
      <c r="A37" s="22"/>
      <c r="B37" s="18"/>
      <c r="C37" s="20"/>
      <c r="D37" s="18"/>
      <c r="E37" s="20"/>
      <c r="F37" s="26">
        <f>入力様式!B53</f>
        <v>0</v>
      </c>
      <c r="G37" s="26">
        <f>入力様式!C53</f>
        <v>0</v>
      </c>
      <c r="H37" s="26">
        <f>入力様式!D53</f>
        <v>0</v>
      </c>
      <c r="I37" s="26">
        <f>入力様式!E53</f>
        <v>0</v>
      </c>
      <c r="J37" s="26">
        <f>入力様式!F53</f>
        <v>0</v>
      </c>
      <c r="K37" s="26">
        <f>入力様式!G53</f>
        <v>0</v>
      </c>
      <c r="L37" s="26">
        <f>入力様式!H53</f>
        <v>0</v>
      </c>
      <c r="M37" s="26">
        <f>入力様式!I53</f>
        <v>0</v>
      </c>
      <c r="N37" s="26">
        <f>入力様式!J53</f>
        <v>0</v>
      </c>
      <c r="O37" s="26">
        <f>入力様式!K53</f>
        <v>0</v>
      </c>
      <c r="P37" s="26">
        <f>入力様式!L53</f>
        <v>0</v>
      </c>
      <c r="Q37" s="35">
        <f t="shared" si="0"/>
        <v>0</v>
      </c>
      <c r="R37" s="35">
        <f t="shared" si="1"/>
        <v>0</v>
      </c>
    </row>
    <row r="38" spans="1:18" ht="25.15" customHeight="1" x14ac:dyDescent="0.15">
      <c r="A38" s="22"/>
      <c r="B38" s="18"/>
      <c r="C38" s="20"/>
      <c r="D38" s="18"/>
      <c r="E38" s="20"/>
      <c r="F38" s="26">
        <f>入力様式!B54</f>
        <v>0</v>
      </c>
      <c r="G38" s="26">
        <f>入力様式!C54</f>
        <v>0</v>
      </c>
      <c r="H38" s="26">
        <f>入力様式!D54</f>
        <v>0</v>
      </c>
      <c r="I38" s="26">
        <f>入力様式!E54</f>
        <v>0</v>
      </c>
      <c r="J38" s="26">
        <f>入力様式!F54</f>
        <v>0</v>
      </c>
      <c r="K38" s="26">
        <f>入力様式!G54</f>
        <v>0</v>
      </c>
      <c r="L38" s="26">
        <f>入力様式!H54</f>
        <v>0</v>
      </c>
      <c r="M38" s="26">
        <f>入力様式!I54</f>
        <v>0</v>
      </c>
      <c r="N38" s="26">
        <f>入力様式!J54</f>
        <v>0</v>
      </c>
      <c r="O38" s="26">
        <f>入力様式!K54</f>
        <v>0</v>
      </c>
      <c r="P38" s="26">
        <f>入力様式!L54</f>
        <v>0</v>
      </c>
      <c r="Q38" s="35">
        <f t="shared" si="0"/>
        <v>0</v>
      </c>
      <c r="R38" s="35">
        <f t="shared" si="1"/>
        <v>0</v>
      </c>
    </row>
    <row r="39" spans="1:18" ht="25.15" customHeight="1" x14ac:dyDescent="0.15">
      <c r="A39" s="22"/>
      <c r="B39" s="18"/>
      <c r="C39" s="20"/>
      <c r="D39" s="18"/>
      <c r="E39" s="20"/>
      <c r="F39" s="26">
        <f>入力様式!B55</f>
        <v>0</v>
      </c>
      <c r="G39" s="26">
        <f>入力様式!C55</f>
        <v>0</v>
      </c>
      <c r="H39" s="26">
        <f>入力様式!D55</f>
        <v>0</v>
      </c>
      <c r="I39" s="26">
        <f>入力様式!E55</f>
        <v>0</v>
      </c>
      <c r="J39" s="26">
        <f>入力様式!F55</f>
        <v>0</v>
      </c>
      <c r="K39" s="26">
        <f>入力様式!G55</f>
        <v>0</v>
      </c>
      <c r="L39" s="26">
        <f>入力様式!H55</f>
        <v>0</v>
      </c>
      <c r="M39" s="26">
        <f>入力様式!I55</f>
        <v>0</v>
      </c>
      <c r="N39" s="26">
        <f>入力様式!J55</f>
        <v>0</v>
      </c>
      <c r="O39" s="26">
        <f>入力様式!K55</f>
        <v>0</v>
      </c>
      <c r="P39" s="26">
        <f>入力様式!L55</f>
        <v>0</v>
      </c>
      <c r="Q39" s="35">
        <f t="shared" si="0"/>
        <v>0</v>
      </c>
      <c r="R39" s="35">
        <f t="shared" si="1"/>
        <v>0</v>
      </c>
    </row>
    <row r="40" spans="1:18" ht="25.15" customHeight="1" x14ac:dyDescent="0.15">
      <c r="A40" s="22"/>
      <c r="B40" s="18"/>
      <c r="C40" s="20"/>
      <c r="D40" s="18"/>
      <c r="E40" s="20"/>
      <c r="F40" s="26">
        <f>入力様式!B56</f>
        <v>0</v>
      </c>
      <c r="G40" s="26">
        <f>入力様式!C56</f>
        <v>0</v>
      </c>
      <c r="H40" s="26">
        <f>入力様式!D56</f>
        <v>0</v>
      </c>
      <c r="I40" s="26">
        <f>入力様式!E56</f>
        <v>0</v>
      </c>
      <c r="J40" s="26">
        <f>入力様式!F56</f>
        <v>0</v>
      </c>
      <c r="K40" s="26">
        <f>入力様式!G56</f>
        <v>0</v>
      </c>
      <c r="L40" s="26">
        <f>入力様式!H56</f>
        <v>0</v>
      </c>
      <c r="M40" s="26">
        <f>入力様式!I56</f>
        <v>0</v>
      </c>
      <c r="N40" s="26">
        <f>入力様式!J56</f>
        <v>0</v>
      </c>
      <c r="O40" s="26">
        <f>入力様式!K56</f>
        <v>0</v>
      </c>
      <c r="P40" s="26">
        <f>入力様式!L56</f>
        <v>0</v>
      </c>
      <c r="Q40" s="35">
        <f t="shared" si="0"/>
        <v>0</v>
      </c>
      <c r="R40" s="35">
        <f t="shared" si="1"/>
        <v>0</v>
      </c>
    </row>
    <row r="41" spans="1:18" ht="25.15" customHeight="1" x14ac:dyDescent="0.15">
      <c r="A41" s="22"/>
      <c r="B41" s="18"/>
      <c r="C41" s="20"/>
      <c r="D41" s="18"/>
      <c r="E41" s="20"/>
      <c r="F41" s="26">
        <f>入力様式!B57</f>
        <v>0</v>
      </c>
      <c r="G41" s="26">
        <f>入力様式!C57</f>
        <v>0</v>
      </c>
      <c r="H41" s="26">
        <f>入力様式!D57</f>
        <v>0</v>
      </c>
      <c r="I41" s="26">
        <f>入力様式!E57</f>
        <v>0</v>
      </c>
      <c r="J41" s="26">
        <f>入力様式!F57</f>
        <v>0</v>
      </c>
      <c r="K41" s="26">
        <f>入力様式!G57</f>
        <v>0</v>
      </c>
      <c r="L41" s="26">
        <f>入力様式!H57</f>
        <v>0</v>
      </c>
      <c r="M41" s="26">
        <f>入力様式!I57</f>
        <v>0</v>
      </c>
      <c r="N41" s="26">
        <f>入力様式!J57</f>
        <v>0</v>
      </c>
      <c r="O41" s="26">
        <f>入力様式!K57</f>
        <v>0</v>
      </c>
      <c r="P41" s="26">
        <f>入力様式!L57</f>
        <v>0</v>
      </c>
      <c r="Q41" s="35">
        <f t="shared" si="0"/>
        <v>0</v>
      </c>
      <c r="R41" s="35">
        <f t="shared" si="1"/>
        <v>0</v>
      </c>
    </row>
    <row r="42" spans="1:18" ht="25.15" customHeight="1" x14ac:dyDescent="0.15">
      <c r="A42" s="22"/>
      <c r="B42" s="18"/>
      <c r="C42" s="20"/>
      <c r="D42" s="18"/>
      <c r="E42" s="20"/>
      <c r="F42" s="26">
        <f>入力様式!B58</f>
        <v>0</v>
      </c>
      <c r="G42" s="26">
        <f>入力様式!C58</f>
        <v>0</v>
      </c>
      <c r="H42" s="26">
        <f>入力様式!D58</f>
        <v>0</v>
      </c>
      <c r="I42" s="26">
        <f>入力様式!E58</f>
        <v>0</v>
      </c>
      <c r="J42" s="26">
        <f>入力様式!F58</f>
        <v>0</v>
      </c>
      <c r="K42" s="26">
        <f>入力様式!G58</f>
        <v>0</v>
      </c>
      <c r="L42" s="26">
        <f>入力様式!H58</f>
        <v>0</v>
      </c>
      <c r="M42" s="26">
        <f>入力様式!I58</f>
        <v>0</v>
      </c>
      <c r="N42" s="26">
        <f>入力様式!J58</f>
        <v>0</v>
      </c>
      <c r="O42" s="26">
        <f>入力様式!K58</f>
        <v>0</v>
      </c>
      <c r="P42" s="26">
        <f>入力様式!L58</f>
        <v>0</v>
      </c>
      <c r="Q42" s="35">
        <f t="shared" si="0"/>
        <v>0</v>
      </c>
      <c r="R42" s="35">
        <f t="shared" si="1"/>
        <v>0</v>
      </c>
    </row>
    <row r="43" spans="1:18" ht="25.15" customHeight="1" x14ac:dyDescent="0.15">
      <c r="A43" s="22"/>
      <c r="B43" s="18"/>
      <c r="C43" s="20"/>
      <c r="D43" s="18"/>
      <c r="E43" s="20"/>
      <c r="F43" s="26">
        <f>入力様式!B59</f>
        <v>0</v>
      </c>
      <c r="G43" s="26">
        <f>入力様式!C59</f>
        <v>0</v>
      </c>
      <c r="H43" s="26">
        <f>入力様式!D59</f>
        <v>0</v>
      </c>
      <c r="I43" s="26">
        <f>入力様式!E59</f>
        <v>0</v>
      </c>
      <c r="J43" s="26">
        <f>入力様式!F59</f>
        <v>0</v>
      </c>
      <c r="K43" s="26">
        <f>入力様式!G59</f>
        <v>0</v>
      </c>
      <c r="L43" s="26">
        <f>入力様式!H59</f>
        <v>0</v>
      </c>
      <c r="M43" s="26">
        <f>入力様式!I59</f>
        <v>0</v>
      </c>
      <c r="N43" s="26">
        <f>入力様式!J59</f>
        <v>0</v>
      </c>
      <c r="O43" s="26">
        <f>入力様式!K59</f>
        <v>0</v>
      </c>
      <c r="P43" s="26">
        <f>入力様式!L59</f>
        <v>0</v>
      </c>
      <c r="Q43" s="35">
        <f t="shared" si="0"/>
        <v>0</v>
      </c>
      <c r="R43" s="35">
        <f t="shared" si="1"/>
        <v>0</v>
      </c>
    </row>
    <row r="44" spans="1:18" ht="25.15" customHeight="1" x14ac:dyDescent="0.15">
      <c r="A44" s="22"/>
      <c r="B44" s="18"/>
      <c r="C44" s="20"/>
      <c r="D44" s="18"/>
      <c r="E44" s="20"/>
      <c r="F44" s="26">
        <f>入力様式!B60</f>
        <v>0</v>
      </c>
      <c r="G44" s="26">
        <f>入力様式!C60</f>
        <v>0</v>
      </c>
      <c r="H44" s="26">
        <f>入力様式!D60</f>
        <v>0</v>
      </c>
      <c r="I44" s="26">
        <f>入力様式!E60</f>
        <v>0</v>
      </c>
      <c r="J44" s="26">
        <f>入力様式!F60</f>
        <v>0</v>
      </c>
      <c r="K44" s="26">
        <f>入力様式!G60</f>
        <v>0</v>
      </c>
      <c r="L44" s="26">
        <f>入力様式!H60</f>
        <v>0</v>
      </c>
      <c r="M44" s="26">
        <f>入力様式!I60</f>
        <v>0</v>
      </c>
      <c r="N44" s="26">
        <f>入力様式!J60</f>
        <v>0</v>
      </c>
      <c r="O44" s="26">
        <f>入力様式!K60</f>
        <v>0</v>
      </c>
      <c r="P44" s="26">
        <f>入力様式!L60</f>
        <v>0</v>
      </c>
      <c r="Q44" s="35">
        <f t="shared" si="0"/>
        <v>0</v>
      </c>
      <c r="R44" s="35">
        <f t="shared" si="1"/>
        <v>0</v>
      </c>
    </row>
    <row r="45" spans="1:18" ht="25.15" customHeight="1" x14ac:dyDescent="0.15">
      <c r="A45" s="22"/>
      <c r="B45" s="18"/>
      <c r="C45" s="20"/>
      <c r="D45" s="18"/>
      <c r="E45" s="20"/>
      <c r="F45" s="26">
        <f>入力様式!B61</f>
        <v>0</v>
      </c>
      <c r="G45" s="26">
        <f>入力様式!C61</f>
        <v>0</v>
      </c>
      <c r="H45" s="26">
        <f>入力様式!D61</f>
        <v>0</v>
      </c>
      <c r="I45" s="26">
        <f>入力様式!E61</f>
        <v>0</v>
      </c>
      <c r="J45" s="26">
        <f>入力様式!F61</f>
        <v>0</v>
      </c>
      <c r="K45" s="26">
        <f>入力様式!G61</f>
        <v>0</v>
      </c>
      <c r="L45" s="26">
        <f>入力様式!H61</f>
        <v>0</v>
      </c>
      <c r="M45" s="26">
        <f>入力様式!I61</f>
        <v>0</v>
      </c>
      <c r="N45" s="26">
        <f>入力様式!J61</f>
        <v>0</v>
      </c>
      <c r="O45" s="26">
        <f>入力様式!K61</f>
        <v>0</v>
      </c>
      <c r="P45" s="26">
        <f>入力様式!L61</f>
        <v>0</v>
      </c>
      <c r="Q45" s="35">
        <f t="shared" si="0"/>
        <v>0</v>
      </c>
      <c r="R45" s="35">
        <f t="shared" si="1"/>
        <v>0</v>
      </c>
    </row>
    <row r="46" spans="1:18" ht="25.15" customHeight="1" x14ac:dyDescent="0.15">
      <c r="A46" s="22"/>
      <c r="B46" s="18"/>
      <c r="C46" s="20"/>
      <c r="D46" s="18"/>
      <c r="E46" s="20"/>
      <c r="F46" s="26">
        <f>入力様式!B62</f>
        <v>0</v>
      </c>
      <c r="G46" s="26">
        <f>入力様式!C62</f>
        <v>0</v>
      </c>
      <c r="H46" s="26">
        <f>入力様式!D62</f>
        <v>0</v>
      </c>
      <c r="I46" s="26">
        <f>入力様式!E62</f>
        <v>0</v>
      </c>
      <c r="J46" s="26">
        <f>入力様式!F62</f>
        <v>0</v>
      </c>
      <c r="K46" s="26">
        <f>入力様式!G62</f>
        <v>0</v>
      </c>
      <c r="L46" s="26">
        <f>入力様式!H62</f>
        <v>0</v>
      </c>
      <c r="M46" s="26">
        <f>入力様式!I62</f>
        <v>0</v>
      </c>
      <c r="N46" s="26">
        <f>入力様式!J62</f>
        <v>0</v>
      </c>
      <c r="O46" s="26">
        <f>入力様式!K62</f>
        <v>0</v>
      </c>
      <c r="P46" s="26">
        <f>入力様式!L62</f>
        <v>0</v>
      </c>
      <c r="Q46" s="35">
        <f t="shared" si="0"/>
        <v>0</v>
      </c>
      <c r="R46" s="35">
        <f t="shared" si="1"/>
        <v>0</v>
      </c>
    </row>
    <row r="47" spans="1:18" ht="25.15" customHeight="1" x14ac:dyDescent="0.15">
      <c r="A47" s="22"/>
      <c r="B47" s="18"/>
      <c r="C47" s="20"/>
      <c r="D47" s="18"/>
      <c r="E47" s="20"/>
      <c r="F47" s="26">
        <f>入力様式!B63</f>
        <v>0</v>
      </c>
      <c r="G47" s="26">
        <f>入力様式!C63</f>
        <v>0</v>
      </c>
      <c r="H47" s="26">
        <f>入力様式!D63</f>
        <v>0</v>
      </c>
      <c r="I47" s="26">
        <f>入力様式!E63</f>
        <v>0</v>
      </c>
      <c r="J47" s="26">
        <f>入力様式!F63</f>
        <v>0</v>
      </c>
      <c r="K47" s="26">
        <f>入力様式!G63</f>
        <v>0</v>
      </c>
      <c r="L47" s="26">
        <f>入力様式!H63</f>
        <v>0</v>
      </c>
      <c r="M47" s="26">
        <f>入力様式!I63</f>
        <v>0</v>
      </c>
      <c r="N47" s="26">
        <f>入力様式!J63</f>
        <v>0</v>
      </c>
      <c r="O47" s="26">
        <f>入力様式!K63</f>
        <v>0</v>
      </c>
      <c r="P47" s="26">
        <f>入力様式!L63</f>
        <v>0</v>
      </c>
      <c r="Q47" s="35">
        <f t="shared" si="0"/>
        <v>0</v>
      </c>
      <c r="R47" s="35">
        <f t="shared" si="1"/>
        <v>0</v>
      </c>
    </row>
    <row r="48" spans="1:18" ht="25.15" customHeight="1" x14ac:dyDescent="0.15">
      <c r="A48" s="22"/>
      <c r="B48" s="18"/>
      <c r="C48" s="20"/>
      <c r="D48" s="18"/>
      <c r="E48" s="20"/>
      <c r="F48" s="26">
        <f>入力様式!B64</f>
        <v>0</v>
      </c>
      <c r="G48" s="26">
        <f>入力様式!C64</f>
        <v>0</v>
      </c>
      <c r="H48" s="26">
        <f>入力様式!D64</f>
        <v>0</v>
      </c>
      <c r="I48" s="26">
        <f>入力様式!E64</f>
        <v>0</v>
      </c>
      <c r="J48" s="26">
        <f>入力様式!F64</f>
        <v>0</v>
      </c>
      <c r="K48" s="26">
        <f>入力様式!G64</f>
        <v>0</v>
      </c>
      <c r="L48" s="26">
        <f>入力様式!H64</f>
        <v>0</v>
      </c>
      <c r="M48" s="26">
        <f>入力様式!I64</f>
        <v>0</v>
      </c>
      <c r="N48" s="26">
        <f>入力様式!J64</f>
        <v>0</v>
      </c>
      <c r="O48" s="26">
        <f>入力様式!K64</f>
        <v>0</v>
      </c>
      <c r="P48" s="26">
        <f>入力様式!L64</f>
        <v>0</v>
      </c>
      <c r="Q48" s="35">
        <f t="shared" si="0"/>
        <v>0</v>
      </c>
      <c r="R48" s="35">
        <f t="shared" si="1"/>
        <v>0</v>
      </c>
    </row>
    <row r="49" spans="1:18" ht="25.15" customHeight="1" x14ac:dyDescent="0.15">
      <c r="A49" s="22"/>
      <c r="B49" s="18"/>
      <c r="C49" s="20"/>
      <c r="D49" s="18"/>
      <c r="E49" s="20"/>
      <c r="F49" s="26">
        <f>入力様式!B65</f>
        <v>0</v>
      </c>
      <c r="G49" s="26">
        <f>入力様式!C65</f>
        <v>0</v>
      </c>
      <c r="H49" s="26">
        <f>入力様式!D65</f>
        <v>0</v>
      </c>
      <c r="I49" s="26">
        <f>入力様式!E65</f>
        <v>0</v>
      </c>
      <c r="J49" s="26">
        <f>入力様式!F65</f>
        <v>0</v>
      </c>
      <c r="K49" s="26">
        <f>入力様式!G65</f>
        <v>0</v>
      </c>
      <c r="L49" s="26">
        <f>入力様式!H65</f>
        <v>0</v>
      </c>
      <c r="M49" s="26">
        <f>入力様式!I65</f>
        <v>0</v>
      </c>
      <c r="N49" s="26">
        <f>入力様式!J65</f>
        <v>0</v>
      </c>
      <c r="O49" s="26">
        <f>入力様式!K65</f>
        <v>0</v>
      </c>
      <c r="P49" s="26">
        <f>入力様式!L65</f>
        <v>0</v>
      </c>
      <c r="Q49" s="35">
        <f t="shared" si="0"/>
        <v>0</v>
      </c>
      <c r="R49" s="35">
        <f t="shared" si="1"/>
        <v>0</v>
      </c>
    </row>
    <row r="50" spans="1:18" ht="25.15" customHeight="1" x14ac:dyDescent="0.15">
      <c r="A50" s="22"/>
      <c r="B50" s="18"/>
      <c r="C50" s="20"/>
      <c r="D50" s="18"/>
      <c r="E50" s="20"/>
      <c r="F50" s="26">
        <f>入力様式!B66</f>
        <v>0</v>
      </c>
      <c r="G50" s="26">
        <f>入力様式!C66</f>
        <v>0</v>
      </c>
      <c r="H50" s="26">
        <f>入力様式!D66</f>
        <v>0</v>
      </c>
      <c r="I50" s="26">
        <f>入力様式!E66</f>
        <v>0</v>
      </c>
      <c r="J50" s="26">
        <f>入力様式!F66</f>
        <v>0</v>
      </c>
      <c r="K50" s="26">
        <f>入力様式!G66</f>
        <v>0</v>
      </c>
      <c r="L50" s="26">
        <f>入力様式!H66</f>
        <v>0</v>
      </c>
      <c r="M50" s="26">
        <f>入力様式!I66</f>
        <v>0</v>
      </c>
      <c r="N50" s="26">
        <f>入力様式!J66</f>
        <v>0</v>
      </c>
      <c r="O50" s="26">
        <f>入力様式!K66</f>
        <v>0</v>
      </c>
      <c r="P50" s="26">
        <f>入力様式!L66</f>
        <v>0</v>
      </c>
      <c r="Q50" s="35">
        <f t="shared" si="0"/>
        <v>0</v>
      </c>
      <c r="R50" s="35">
        <f t="shared" si="1"/>
        <v>0</v>
      </c>
    </row>
    <row r="51" spans="1:18" ht="25.15" customHeight="1" x14ac:dyDescent="0.15">
      <c r="A51" s="22"/>
      <c r="B51" s="18"/>
      <c r="C51" s="20"/>
      <c r="D51" s="18"/>
      <c r="E51" s="20"/>
      <c r="F51" s="26">
        <f>入力様式!B67</f>
        <v>0</v>
      </c>
      <c r="G51" s="26">
        <f>入力様式!C67</f>
        <v>0</v>
      </c>
      <c r="H51" s="26">
        <f>入力様式!D67</f>
        <v>0</v>
      </c>
      <c r="I51" s="26">
        <f>入力様式!E67</f>
        <v>0</v>
      </c>
      <c r="J51" s="26">
        <f>入力様式!F67</f>
        <v>0</v>
      </c>
      <c r="K51" s="26">
        <f>入力様式!G67</f>
        <v>0</v>
      </c>
      <c r="L51" s="26">
        <f>入力様式!H67</f>
        <v>0</v>
      </c>
      <c r="M51" s="26">
        <f>入力様式!I67</f>
        <v>0</v>
      </c>
      <c r="N51" s="26">
        <f>入力様式!J67</f>
        <v>0</v>
      </c>
      <c r="O51" s="26">
        <f>入力様式!K67</f>
        <v>0</v>
      </c>
      <c r="P51" s="26">
        <f>入力様式!L67</f>
        <v>0</v>
      </c>
      <c r="Q51" s="35">
        <f t="shared" si="0"/>
        <v>0</v>
      </c>
      <c r="R51" s="35">
        <f t="shared" si="1"/>
        <v>0</v>
      </c>
    </row>
  </sheetData>
  <sheetProtection algorithmName="SHA-512" hashValue="e14HoPLWvLvTs3cIOfLqBi8/2azIP4m0m8ETuGErIpLog5klYdFtOqFpyThMmoOJYPkt6L4xR374/7F2K8/lRg==" saltValue="us4zHElf/IbUExt+AKcz9Q==" spinCount="100000" sheet="1" objects="1" scenarios="1"/>
  <phoneticPr fontId="4"/>
  <printOptions horizontalCentered="1"/>
  <pageMargins left="0.78740157480314965" right="0.78740157480314965" top="0.78740157480314965" bottom="0.78740157480314965" header="0.31496062992125984" footer="0.31496062992125984"/>
  <pageSetup paperSize="8" scale="76" fitToHeight="9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81"/>
  <sheetViews>
    <sheetView view="pageBreakPreview" zoomScaleNormal="100" zoomScaleSheetLayoutView="100" workbookViewId="0">
      <selection activeCell="Q23" sqref="Q23"/>
    </sheetView>
  </sheetViews>
  <sheetFormatPr defaultColWidth="6.75" defaultRowHeight="19.899999999999999" customHeight="1" x14ac:dyDescent="0.15"/>
  <cols>
    <col min="1" max="16384" width="6.75" style="2"/>
  </cols>
  <sheetData>
    <row r="1" spans="1:14" ht="19.899999999999999" customHeight="1" thickBot="1" x14ac:dyDescent="0.2">
      <c r="A1" s="46" t="s">
        <v>0</v>
      </c>
      <c r="B1" s="46"/>
      <c r="C1" s="46"/>
      <c r="D1" s="46"/>
      <c r="E1" s="46"/>
      <c r="F1" s="46"/>
      <c r="G1" s="46"/>
      <c r="H1" s="46"/>
      <c r="I1" s="46"/>
      <c r="J1" s="46"/>
      <c r="K1" s="46"/>
      <c r="L1" s="46"/>
      <c r="M1" s="46"/>
      <c r="N1" s="46"/>
    </row>
    <row r="2" spans="1:14" ht="19.899999999999999" customHeight="1" x14ac:dyDescent="0.15">
      <c r="E2" s="72" t="s">
        <v>58</v>
      </c>
      <c r="F2" s="73"/>
      <c r="G2" s="73"/>
      <c r="H2" s="73"/>
      <c r="I2" s="73"/>
      <c r="J2" s="74"/>
      <c r="K2" s="13"/>
      <c r="L2" s="13"/>
      <c r="M2" s="13"/>
      <c r="N2" s="13"/>
    </row>
    <row r="3" spans="1:14" ht="19.899999999999999" customHeight="1" x14ac:dyDescent="0.15">
      <c r="E3" s="75"/>
      <c r="F3" s="76"/>
      <c r="G3" s="76"/>
      <c r="H3" s="76"/>
      <c r="I3" s="76"/>
      <c r="J3" s="77"/>
      <c r="K3" s="101" t="s">
        <v>47</v>
      </c>
      <c r="L3" s="101"/>
      <c r="M3" s="101"/>
      <c r="N3" s="101"/>
    </row>
    <row r="4" spans="1:14" ht="19.899999999999999" customHeight="1" thickBot="1" x14ac:dyDescent="0.2">
      <c r="E4" s="78"/>
      <c r="F4" s="79"/>
      <c r="G4" s="79"/>
      <c r="H4" s="79"/>
      <c r="I4" s="79"/>
      <c r="J4" s="80"/>
      <c r="K4" s="13"/>
      <c r="L4" s="13"/>
      <c r="M4" s="13"/>
      <c r="N4" s="13"/>
    </row>
    <row r="5" spans="1:14" ht="19.899999999999999" customHeight="1" x14ac:dyDescent="0.15">
      <c r="A5" s="2" t="s">
        <v>1</v>
      </c>
    </row>
    <row r="7" spans="1:14" ht="19.899999999999999" customHeight="1" x14ac:dyDescent="0.15">
      <c r="A7" s="51" t="s">
        <v>40</v>
      </c>
      <c r="B7" s="51"/>
      <c r="C7" s="51"/>
      <c r="D7" s="51"/>
      <c r="E7" s="51"/>
      <c r="F7" s="51"/>
      <c r="G7" s="51"/>
      <c r="H7" s="99" t="s">
        <v>48</v>
      </c>
      <c r="I7" s="99"/>
      <c r="J7" s="99"/>
      <c r="K7" s="99"/>
      <c r="L7" s="99"/>
      <c r="M7" s="99"/>
      <c r="N7" s="99"/>
    </row>
    <row r="8" spans="1:14" ht="19.899999999999999" customHeight="1" x14ac:dyDescent="0.15">
      <c r="A8" s="51" t="s">
        <v>41</v>
      </c>
      <c r="B8" s="51"/>
      <c r="C8" s="51"/>
      <c r="D8" s="51"/>
      <c r="E8" s="51"/>
      <c r="F8" s="51"/>
      <c r="G8" s="51"/>
      <c r="H8" s="99" t="s">
        <v>49</v>
      </c>
      <c r="I8" s="99"/>
      <c r="J8" s="99"/>
      <c r="K8" s="99"/>
      <c r="L8" s="99"/>
      <c r="M8" s="99"/>
      <c r="N8" s="99"/>
    </row>
    <row r="9" spans="1:14" ht="19.899999999999999" customHeight="1" x14ac:dyDescent="0.15">
      <c r="A9" s="51" t="s">
        <v>42</v>
      </c>
      <c r="B9" s="51"/>
      <c r="C9" s="51"/>
      <c r="D9" s="51"/>
      <c r="E9" s="51"/>
      <c r="F9" s="51"/>
      <c r="G9" s="51"/>
      <c r="H9" s="99" t="s">
        <v>50</v>
      </c>
      <c r="I9" s="99"/>
      <c r="J9" s="99"/>
      <c r="K9" s="99"/>
      <c r="L9" s="99"/>
      <c r="M9" s="99"/>
      <c r="N9" s="99"/>
    </row>
    <row r="10" spans="1:14" ht="19.899999999999999" customHeight="1" x14ac:dyDescent="0.15">
      <c r="A10" s="51" t="s">
        <v>43</v>
      </c>
      <c r="B10" s="51"/>
      <c r="C10" s="51"/>
      <c r="D10" s="51"/>
      <c r="E10" s="51"/>
      <c r="F10" s="51"/>
      <c r="G10" s="51"/>
      <c r="H10" s="99" t="s">
        <v>51</v>
      </c>
      <c r="I10" s="99"/>
      <c r="J10" s="99"/>
      <c r="K10" s="99"/>
      <c r="L10" s="99"/>
      <c r="M10" s="99"/>
      <c r="N10" s="99"/>
    </row>
    <row r="11" spans="1:14" ht="19.899999999999999" customHeight="1" x14ac:dyDescent="0.15">
      <c r="A11" s="51" t="s">
        <v>44</v>
      </c>
      <c r="B11" s="51"/>
      <c r="C11" s="51"/>
      <c r="D11" s="51"/>
      <c r="E11" s="51"/>
      <c r="F11" s="51"/>
      <c r="G11" s="51"/>
      <c r="H11" s="99" t="s">
        <v>52</v>
      </c>
      <c r="I11" s="99"/>
      <c r="J11" s="99"/>
      <c r="K11" s="99"/>
      <c r="L11" s="99"/>
      <c r="M11" s="99"/>
      <c r="N11" s="99"/>
    </row>
    <row r="12" spans="1:14" ht="19.899999999999999" customHeight="1" x14ac:dyDescent="0.15">
      <c r="A12" s="52" t="s">
        <v>45</v>
      </c>
      <c r="B12" s="52"/>
      <c r="C12" s="52"/>
      <c r="D12" s="52"/>
      <c r="E12" s="52"/>
      <c r="F12" s="52"/>
      <c r="G12" s="52"/>
      <c r="H12" s="99" t="s">
        <v>53</v>
      </c>
      <c r="I12" s="99"/>
      <c r="J12" s="99"/>
      <c r="K12" s="99"/>
      <c r="L12" s="99"/>
      <c r="M12" s="99"/>
      <c r="N12" s="99"/>
    </row>
    <row r="14" spans="1:14" ht="19.899999999999999" customHeight="1" x14ac:dyDescent="0.15">
      <c r="A14" s="2" t="s">
        <v>2</v>
      </c>
    </row>
    <row r="15" spans="1:14" ht="19.899999999999999" customHeight="1" x14ac:dyDescent="0.15">
      <c r="A15" s="2" t="s">
        <v>3</v>
      </c>
    </row>
    <row r="16" spans="1:14" ht="19.899999999999999" customHeight="1" x14ac:dyDescent="0.15">
      <c r="A16" s="2" t="s">
        <v>39</v>
      </c>
      <c r="C16" s="100">
        <v>44378</v>
      </c>
      <c r="D16" s="100"/>
      <c r="E16" s="100"/>
      <c r="F16" s="100"/>
      <c r="G16" s="3" t="s">
        <v>46</v>
      </c>
      <c r="H16" s="100">
        <v>44742</v>
      </c>
      <c r="I16" s="100"/>
      <c r="J16" s="100"/>
      <c r="K16" s="100"/>
    </row>
    <row r="17" spans="1:14" ht="30" customHeight="1" x14ac:dyDescent="0.15">
      <c r="A17" s="11" t="s">
        <v>38</v>
      </c>
      <c r="B17" s="53" t="s">
        <v>13</v>
      </c>
      <c r="C17" s="53"/>
      <c r="D17" s="53"/>
      <c r="E17" s="53"/>
      <c r="F17" s="53"/>
      <c r="G17" s="53"/>
      <c r="H17" s="12" t="s">
        <v>9</v>
      </c>
      <c r="I17" s="12" t="s">
        <v>10</v>
      </c>
      <c r="J17" s="12" t="s">
        <v>11</v>
      </c>
      <c r="K17" s="61" t="s">
        <v>12</v>
      </c>
      <c r="L17" s="61"/>
      <c r="M17" s="61"/>
      <c r="N17" s="61"/>
    </row>
    <row r="18" spans="1:14" ht="19.899999999999999" customHeight="1" x14ac:dyDescent="0.15">
      <c r="A18" s="9">
        <v>1</v>
      </c>
      <c r="B18" s="37"/>
      <c r="C18" s="37"/>
      <c r="D18" s="37" t="s">
        <v>6</v>
      </c>
      <c r="E18" s="37"/>
      <c r="F18" s="37"/>
      <c r="G18" s="37"/>
      <c r="H18" s="37">
        <v>1234</v>
      </c>
      <c r="I18" s="38">
        <v>3</v>
      </c>
      <c r="J18" s="37">
        <v>8</v>
      </c>
      <c r="K18" s="39" t="s">
        <v>54</v>
      </c>
      <c r="L18" s="97" t="s">
        <v>56</v>
      </c>
      <c r="M18" s="97"/>
      <c r="N18" s="98"/>
    </row>
    <row r="19" spans="1:14" ht="19.899999999999999" customHeight="1" x14ac:dyDescent="0.15">
      <c r="A19" s="9">
        <v>2</v>
      </c>
      <c r="B19" s="37" t="s">
        <v>4</v>
      </c>
      <c r="C19" s="37"/>
      <c r="D19" s="37"/>
      <c r="E19" s="37"/>
      <c r="F19" s="37"/>
      <c r="G19" s="37"/>
      <c r="H19" s="37">
        <v>4321</v>
      </c>
      <c r="I19" s="38" t="s">
        <v>14</v>
      </c>
      <c r="J19" s="37">
        <v>6</v>
      </c>
      <c r="K19" s="39" t="s">
        <v>55</v>
      </c>
      <c r="L19" s="97" t="s">
        <v>56</v>
      </c>
      <c r="M19" s="97"/>
      <c r="N19" s="98"/>
    </row>
    <row r="20" spans="1:14" ht="19.899999999999999" customHeight="1" x14ac:dyDescent="0.15">
      <c r="A20" s="9">
        <v>3</v>
      </c>
      <c r="B20" s="40"/>
      <c r="C20" s="40"/>
      <c r="D20" s="40"/>
      <c r="E20" s="40"/>
      <c r="F20" s="40"/>
      <c r="G20" s="40"/>
      <c r="H20" s="41"/>
      <c r="I20" s="42"/>
      <c r="J20" s="43"/>
      <c r="K20" s="45"/>
      <c r="L20" s="81"/>
      <c r="M20" s="81"/>
      <c r="N20" s="82"/>
    </row>
    <row r="21" spans="1:14" ht="19.899999999999999" customHeight="1" x14ac:dyDescent="0.15">
      <c r="A21" s="9">
        <v>4</v>
      </c>
      <c r="B21" s="40"/>
      <c r="C21" s="40"/>
      <c r="D21" s="40"/>
      <c r="E21" s="40"/>
      <c r="F21" s="40"/>
      <c r="G21" s="40"/>
      <c r="H21" s="41"/>
      <c r="I21" s="42"/>
      <c r="J21" s="43"/>
      <c r="K21" s="45"/>
      <c r="L21" s="81"/>
      <c r="M21" s="81"/>
      <c r="N21" s="82"/>
    </row>
    <row r="22" spans="1:14" ht="19.899999999999999" customHeight="1" x14ac:dyDescent="0.15">
      <c r="A22" s="9">
        <v>5</v>
      </c>
      <c r="B22" s="40"/>
      <c r="C22" s="40"/>
      <c r="D22" s="40"/>
      <c r="E22" s="40"/>
      <c r="F22" s="40"/>
      <c r="G22" s="40"/>
      <c r="H22" s="41"/>
      <c r="I22" s="42"/>
      <c r="J22" s="43"/>
      <c r="K22" s="45"/>
      <c r="L22" s="81"/>
      <c r="M22" s="81"/>
      <c r="N22" s="82"/>
    </row>
    <row r="23" spans="1:14" ht="19.899999999999999" customHeight="1" x14ac:dyDescent="0.15">
      <c r="A23" s="9">
        <v>6</v>
      </c>
      <c r="B23" s="40"/>
      <c r="C23" s="40"/>
      <c r="D23" s="40"/>
      <c r="E23" s="40"/>
      <c r="F23" s="40"/>
      <c r="G23" s="40"/>
      <c r="H23" s="41"/>
      <c r="I23" s="42"/>
      <c r="J23" s="43"/>
      <c r="K23" s="45"/>
      <c r="L23" s="81"/>
      <c r="M23" s="81"/>
      <c r="N23" s="82"/>
    </row>
    <row r="24" spans="1:14" ht="19.899999999999999" customHeight="1" x14ac:dyDescent="0.15">
      <c r="A24" s="9">
        <v>7</v>
      </c>
      <c r="B24" s="40"/>
      <c r="C24" s="40"/>
      <c r="D24" s="40"/>
      <c r="E24" s="40"/>
      <c r="F24" s="40"/>
      <c r="G24" s="40"/>
      <c r="H24" s="41"/>
      <c r="I24" s="42"/>
      <c r="J24" s="43"/>
      <c r="K24" s="45"/>
      <c r="L24" s="81"/>
      <c r="M24" s="81"/>
      <c r="N24" s="82"/>
    </row>
    <row r="25" spans="1:14" ht="19.899999999999999" customHeight="1" x14ac:dyDescent="0.15">
      <c r="A25" s="9">
        <v>8</v>
      </c>
      <c r="B25" s="40"/>
      <c r="C25" s="40"/>
      <c r="D25" s="40"/>
      <c r="E25" s="40"/>
      <c r="F25" s="40"/>
      <c r="G25" s="40"/>
      <c r="H25" s="41"/>
      <c r="I25" s="42"/>
      <c r="J25" s="43"/>
      <c r="K25" s="45"/>
      <c r="L25" s="81"/>
      <c r="M25" s="81"/>
      <c r="N25" s="82"/>
    </row>
    <row r="26" spans="1:14" ht="19.899999999999999" customHeight="1" x14ac:dyDescent="0.15">
      <c r="A26" s="9">
        <v>9</v>
      </c>
      <c r="B26" s="40"/>
      <c r="C26" s="40"/>
      <c r="D26" s="40"/>
      <c r="E26" s="40"/>
      <c r="F26" s="40"/>
      <c r="G26" s="40"/>
      <c r="H26" s="41"/>
      <c r="I26" s="42"/>
      <c r="J26" s="43"/>
      <c r="K26" s="45"/>
      <c r="L26" s="81"/>
      <c r="M26" s="81"/>
      <c r="N26" s="82"/>
    </row>
    <row r="27" spans="1:14" ht="19.899999999999999" customHeight="1" x14ac:dyDescent="0.15">
      <c r="A27" s="9">
        <v>10</v>
      </c>
      <c r="B27" s="40"/>
      <c r="C27" s="40"/>
      <c r="D27" s="40"/>
      <c r="E27" s="40"/>
      <c r="F27" s="40"/>
      <c r="G27" s="40"/>
      <c r="H27" s="41"/>
      <c r="I27" s="42"/>
      <c r="J27" s="43"/>
      <c r="K27" s="45"/>
      <c r="L27" s="81"/>
      <c r="M27" s="81"/>
      <c r="N27" s="82"/>
    </row>
    <row r="28" spans="1:14" ht="19.899999999999999" customHeight="1" x14ac:dyDescent="0.15">
      <c r="A28" s="9">
        <v>11</v>
      </c>
      <c r="B28" s="40"/>
      <c r="C28" s="40"/>
      <c r="D28" s="40"/>
      <c r="E28" s="40"/>
      <c r="F28" s="40"/>
      <c r="G28" s="40"/>
      <c r="H28" s="41"/>
      <c r="I28" s="42"/>
      <c r="J28" s="43"/>
      <c r="K28" s="45"/>
      <c r="L28" s="81"/>
      <c r="M28" s="81"/>
      <c r="N28" s="82"/>
    </row>
    <row r="29" spans="1:14" ht="19.899999999999999" customHeight="1" x14ac:dyDescent="0.15">
      <c r="A29" s="9">
        <v>12</v>
      </c>
      <c r="B29" s="40"/>
      <c r="C29" s="40"/>
      <c r="D29" s="40"/>
      <c r="E29" s="40"/>
      <c r="F29" s="40"/>
      <c r="G29" s="40"/>
      <c r="H29" s="41"/>
      <c r="I29" s="42"/>
      <c r="J29" s="43"/>
      <c r="K29" s="45"/>
      <c r="L29" s="81"/>
      <c r="M29" s="81"/>
      <c r="N29" s="82"/>
    </row>
    <row r="30" spans="1:14" ht="19.899999999999999" customHeight="1" x14ac:dyDescent="0.15">
      <c r="A30" s="9">
        <v>13</v>
      </c>
      <c r="B30" s="40"/>
      <c r="C30" s="40"/>
      <c r="D30" s="40"/>
      <c r="E30" s="40"/>
      <c r="F30" s="40"/>
      <c r="G30" s="40"/>
      <c r="H30" s="41"/>
      <c r="I30" s="42"/>
      <c r="J30" s="43"/>
      <c r="K30" s="45"/>
      <c r="L30" s="81"/>
      <c r="M30" s="81"/>
      <c r="N30" s="82"/>
    </row>
    <row r="31" spans="1:14" ht="19.899999999999999" customHeight="1" x14ac:dyDescent="0.15">
      <c r="A31" s="9">
        <v>14</v>
      </c>
      <c r="B31" s="40"/>
      <c r="C31" s="40"/>
      <c r="D31" s="40"/>
      <c r="E31" s="40"/>
      <c r="F31" s="40"/>
      <c r="G31" s="40"/>
      <c r="H31" s="41"/>
      <c r="I31" s="42"/>
      <c r="J31" s="43"/>
      <c r="K31" s="45"/>
      <c r="L31" s="81"/>
      <c r="M31" s="81"/>
      <c r="N31" s="82"/>
    </row>
    <row r="32" spans="1:14" ht="19.899999999999999" customHeight="1" x14ac:dyDescent="0.15">
      <c r="A32" s="9">
        <v>15</v>
      </c>
      <c r="B32" s="40"/>
      <c r="C32" s="40"/>
      <c r="D32" s="40"/>
      <c r="E32" s="40"/>
      <c r="F32" s="40"/>
      <c r="G32" s="40"/>
      <c r="H32" s="41"/>
      <c r="I32" s="42"/>
      <c r="J32" s="43"/>
      <c r="K32" s="45"/>
      <c r="L32" s="81"/>
      <c r="M32" s="81"/>
      <c r="N32" s="82"/>
    </row>
    <row r="33" spans="1:14" ht="19.899999999999999" customHeight="1" x14ac:dyDescent="0.15">
      <c r="A33" s="9">
        <v>16</v>
      </c>
      <c r="B33" s="40"/>
      <c r="C33" s="40"/>
      <c r="D33" s="40"/>
      <c r="E33" s="40"/>
      <c r="F33" s="40"/>
      <c r="G33" s="40"/>
      <c r="H33" s="41"/>
      <c r="I33" s="42"/>
      <c r="J33" s="43"/>
      <c r="K33" s="45"/>
      <c r="L33" s="81"/>
      <c r="M33" s="81"/>
      <c r="N33" s="82"/>
    </row>
    <row r="34" spans="1:14" ht="19.899999999999999" customHeight="1" x14ac:dyDescent="0.15">
      <c r="A34" s="9">
        <v>17</v>
      </c>
      <c r="B34" s="40"/>
      <c r="C34" s="40"/>
      <c r="D34" s="40"/>
      <c r="E34" s="40"/>
      <c r="F34" s="40"/>
      <c r="G34" s="40"/>
      <c r="H34" s="41"/>
      <c r="I34" s="42"/>
      <c r="J34" s="43"/>
      <c r="K34" s="45"/>
      <c r="L34" s="81"/>
      <c r="M34" s="81"/>
      <c r="N34" s="82"/>
    </row>
    <row r="35" spans="1:14" ht="19.899999999999999" customHeight="1" x14ac:dyDescent="0.15">
      <c r="A35" s="9">
        <v>18</v>
      </c>
      <c r="B35" s="40"/>
      <c r="C35" s="40"/>
      <c r="D35" s="40"/>
      <c r="E35" s="40"/>
      <c r="F35" s="40"/>
      <c r="G35" s="40"/>
      <c r="H35" s="41"/>
      <c r="I35" s="42"/>
      <c r="J35" s="43"/>
      <c r="K35" s="45"/>
      <c r="L35" s="81"/>
      <c r="M35" s="81"/>
      <c r="N35" s="82"/>
    </row>
    <row r="36" spans="1:14" ht="19.899999999999999" customHeight="1" x14ac:dyDescent="0.15">
      <c r="A36" s="9">
        <v>19</v>
      </c>
      <c r="B36" s="40"/>
      <c r="C36" s="40"/>
      <c r="D36" s="40"/>
      <c r="E36" s="40"/>
      <c r="F36" s="40"/>
      <c r="G36" s="40"/>
      <c r="H36" s="41"/>
      <c r="I36" s="42"/>
      <c r="J36" s="43"/>
      <c r="K36" s="45"/>
      <c r="L36" s="81"/>
      <c r="M36" s="81"/>
      <c r="N36" s="82"/>
    </row>
    <row r="37" spans="1:14" ht="19.899999999999999" customHeight="1" x14ac:dyDescent="0.15">
      <c r="A37" s="9">
        <v>20</v>
      </c>
      <c r="B37" s="40"/>
      <c r="C37" s="40"/>
      <c r="D37" s="40"/>
      <c r="E37" s="40"/>
      <c r="F37" s="40"/>
      <c r="G37" s="40"/>
      <c r="H37" s="41"/>
      <c r="I37" s="42"/>
      <c r="J37" s="43"/>
      <c r="K37" s="45"/>
      <c r="L37" s="81"/>
      <c r="M37" s="81"/>
      <c r="N37" s="82"/>
    </row>
    <row r="38" spans="1:14" ht="19.899999999999999" customHeight="1" x14ac:dyDescent="0.15">
      <c r="A38" s="9">
        <v>21</v>
      </c>
      <c r="B38" s="40"/>
      <c r="C38" s="40"/>
      <c r="D38" s="40"/>
      <c r="E38" s="40"/>
      <c r="F38" s="40"/>
      <c r="G38" s="40"/>
      <c r="H38" s="41"/>
      <c r="I38" s="42"/>
      <c r="J38" s="43"/>
      <c r="K38" s="45"/>
      <c r="L38" s="81"/>
      <c r="M38" s="81"/>
      <c r="N38" s="82"/>
    </row>
    <row r="39" spans="1:14" ht="19.899999999999999" customHeight="1" x14ac:dyDescent="0.15">
      <c r="A39" s="9">
        <v>22</v>
      </c>
      <c r="B39" s="40"/>
      <c r="C39" s="40"/>
      <c r="D39" s="40"/>
      <c r="E39" s="40"/>
      <c r="F39" s="40"/>
      <c r="G39" s="40"/>
      <c r="H39" s="41"/>
      <c r="I39" s="42"/>
      <c r="J39" s="43"/>
      <c r="K39" s="45"/>
      <c r="L39" s="81"/>
      <c r="M39" s="81"/>
      <c r="N39" s="82"/>
    </row>
    <row r="40" spans="1:14" ht="19.899999999999999" customHeight="1" x14ac:dyDescent="0.15">
      <c r="A40" s="9">
        <v>23</v>
      </c>
      <c r="B40" s="40"/>
      <c r="C40" s="40"/>
      <c r="D40" s="40"/>
      <c r="E40" s="40"/>
      <c r="F40" s="40"/>
      <c r="G40" s="40"/>
      <c r="H40" s="41"/>
      <c r="I40" s="42"/>
      <c r="J40" s="43"/>
      <c r="K40" s="45"/>
      <c r="L40" s="81"/>
      <c r="M40" s="81"/>
      <c r="N40" s="82"/>
    </row>
    <row r="41" spans="1:14" ht="19.899999999999999" customHeight="1" x14ac:dyDescent="0.15">
      <c r="A41" s="9">
        <v>24</v>
      </c>
      <c r="B41" s="40"/>
      <c r="C41" s="40"/>
      <c r="D41" s="40"/>
      <c r="E41" s="40"/>
      <c r="F41" s="40"/>
      <c r="G41" s="40"/>
      <c r="H41" s="41"/>
      <c r="I41" s="42"/>
      <c r="J41" s="43"/>
      <c r="K41" s="45"/>
      <c r="L41" s="81"/>
      <c r="M41" s="81"/>
      <c r="N41" s="82"/>
    </row>
    <row r="42" spans="1:14" ht="19.899999999999999" customHeight="1" x14ac:dyDescent="0.15">
      <c r="A42" s="9">
        <v>25</v>
      </c>
      <c r="B42" s="40"/>
      <c r="C42" s="40"/>
      <c r="D42" s="40"/>
      <c r="E42" s="40"/>
      <c r="F42" s="40"/>
      <c r="G42" s="40"/>
      <c r="H42" s="41"/>
      <c r="I42" s="42"/>
      <c r="J42" s="43"/>
      <c r="K42" s="45"/>
      <c r="L42" s="81"/>
      <c r="M42" s="81"/>
      <c r="N42" s="82"/>
    </row>
    <row r="43" spans="1:14" ht="19.899999999999999" customHeight="1" x14ac:dyDescent="0.15">
      <c r="A43" s="9">
        <v>26</v>
      </c>
      <c r="B43" s="40"/>
      <c r="C43" s="40"/>
      <c r="D43" s="40"/>
      <c r="E43" s="40"/>
      <c r="F43" s="40"/>
      <c r="G43" s="40"/>
      <c r="H43" s="41"/>
      <c r="I43" s="42"/>
      <c r="J43" s="43"/>
      <c r="K43" s="45"/>
      <c r="L43" s="81"/>
      <c r="M43" s="81"/>
      <c r="N43" s="82"/>
    </row>
    <row r="44" spans="1:14" ht="19.899999999999999" customHeight="1" x14ac:dyDescent="0.15">
      <c r="A44" s="9">
        <v>27</v>
      </c>
      <c r="B44" s="40"/>
      <c r="C44" s="40"/>
      <c r="D44" s="40"/>
      <c r="E44" s="40"/>
      <c r="F44" s="40"/>
      <c r="G44" s="40"/>
      <c r="H44" s="41"/>
      <c r="I44" s="42"/>
      <c r="J44" s="43"/>
      <c r="K44" s="45"/>
      <c r="L44" s="81"/>
      <c r="M44" s="81"/>
      <c r="N44" s="82"/>
    </row>
    <row r="45" spans="1:14" ht="19.899999999999999" customHeight="1" x14ac:dyDescent="0.15">
      <c r="A45" s="9">
        <v>28</v>
      </c>
      <c r="B45" s="40"/>
      <c r="C45" s="40"/>
      <c r="D45" s="40"/>
      <c r="E45" s="40"/>
      <c r="F45" s="40"/>
      <c r="G45" s="40"/>
      <c r="H45" s="41"/>
      <c r="I45" s="42"/>
      <c r="J45" s="43"/>
      <c r="K45" s="45"/>
      <c r="L45" s="81"/>
      <c r="M45" s="81"/>
      <c r="N45" s="82"/>
    </row>
    <row r="46" spans="1:14" ht="19.899999999999999" customHeight="1" x14ac:dyDescent="0.15">
      <c r="A46" s="9">
        <v>29</v>
      </c>
      <c r="B46" s="40"/>
      <c r="C46" s="40"/>
      <c r="D46" s="40"/>
      <c r="E46" s="40"/>
      <c r="F46" s="40"/>
      <c r="G46" s="40"/>
      <c r="H46" s="41"/>
      <c r="I46" s="42"/>
      <c r="J46" s="43"/>
      <c r="K46" s="45"/>
      <c r="L46" s="81"/>
      <c r="M46" s="81"/>
      <c r="N46" s="82"/>
    </row>
    <row r="47" spans="1:14" ht="19.899999999999999" customHeight="1" x14ac:dyDescent="0.15">
      <c r="A47" s="9">
        <v>30</v>
      </c>
      <c r="B47" s="40"/>
      <c r="C47" s="40"/>
      <c r="D47" s="40"/>
      <c r="E47" s="40"/>
      <c r="F47" s="40"/>
      <c r="G47" s="40"/>
      <c r="H47" s="41"/>
      <c r="I47" s="42"/>
      <c r="J47" s="43"/>
      <c r="K47" s="45"/>
      <c r="L47" s="81"/>
      <c r="M47" s="81"/>
      <c r="N47" s="82"/>
    </row>
    <row r="48" spans="1:14" ht="19.899999999999999" customHeight="1" x14ac:dyDescent="0.15">
      <c r="A48" s="9">
        <v>31</v>
      </c>
      <c r="B48" s="40"/>
      <c r="C48" s="40"/>
      <c r="D48" s="40"/>
      <c r="E48" s="40"/>
      <c r="F48" s="40"/>
      <c r="G48" s="40"/>
      <c r="H48" s="41"/>
      <c r="I48" s="42"/>
      <c r="J48" s="43"/>
      <c r="K48" s="45"/>
      <c r="L48" s="81"/>
      <c r="M48" s="81"/>
      <c r="N48" s="82"/>
    </row>
    <row r="49" spans="1:14" ht="19.899999999999999" customHeight="1" x14ac:dyDescent="0.15">
      <c r="A49" s="9">
        <v>32</v>
      </c>
      <c r="B49" s="40"/>
      <c r="C49" s="40"/>
      <c r="D49" s="40"/>
      <c r="E49" s="40"/>
      <c r="F49" s="40"/>
      <c r="G49" s="40"/>
      <c r="H49" s="41"/>
      <c r="I49" s="42"/>
      <c r="J49" s="43"/>
      <c r="K49" s="45"/>
      <c r="L49" s="81"/>
      <c r="M49" s="81"/>
      <c r="N49" s="82"/>
    </row>
    <row r="50" spans="1:14" ht="19.899999999999999" customHeight="1" x14ac:dyDescent="0.15">
      <c r="A50" s="9">
        <v>33</v>
      </c>
      <c r="B50" s="40"/>
      <c r="C50" s="40"/>
      <c r="D50" s="40"/>
      <c r="E50" s="40"/>
      <c r="F50" s="40"/>
      <c r="G50" s="40"/>
      <c r="H50" s="41"/>
      <c r="I50" s="42"/>
      <c r="J50" s="43"/>
      <c r="K50" s="45"/>
      <c r="L50" s="81"/>
      <c r="M50" s="81"/>
      <c r="N50" s="82"/>
    </row>
    <row r="51" spans="1:14" ht="19.899999999999999" customHeight="1" x14ac:dyDescent="0.15">
      <c r="A51" s="9">
        <v>34</v>
      </c>
      <c r="B51" s="40"/>
      <c r="C51" s="40"/>
      <c r="D51" s="40"/>
      <c r="E51" s="40"/>
      <c r="F51" s="40"/>
      <c r="G51" s="40"/>
      <c r="H51" s="41"/>
      <c r="I51" s="42"/>
      <c r="J51" s="43"/>
      <c r="K51" s="45"/>
      <c r="L51" s="81"/>
      <c r="M51" s="81"/>
      <c r="N51" s="82"/>
    </row>
    <row r="52" spans="1:14" ht="19.899999999999999" customHeight="1" x14ac:dyDescent="0.15">
      <c r="A52" s="9">
        <v>35</v>
      </c>
      <c r="B52" s="40"/>
      <c r="C52" s="40"/>
      <c r="D52" s="40"/>
      <c r="E52" s="40"/>
      <c r="F52" s="40"/>
      <c r="G52" s="40"/>
      <c r="H52" s="41"/>
      <c r="I52" s="42"/>
      <c r="J52" s="43"/>
      <c r="K52" s="45"/>
      <c r="L52" s="81"/>
      <c r="M52" s="81"/>
      <c r="N52" s="82"/>
    </row>
    <row r="53" spans="1:14" ht="19.899999999999999" customHeight="1" x14ac:dyDescent="0.15">
      <c r="A53" s="9">
        <v>36</v>
      </c>
      <c r="B53" s="40"/>
      <c r="C53" s="40"/>
      <c r="D53" s="40"/>
      <c r="E53" s="40"/>
      <c r="F53" s="40"/>
      <c r="G53" s="40"/>
      <c r="H53" s="41"/>
      <c r="I53" s="42"/>
      <c r="J53" s="43"/>
      <c r="K53" s="45"/>
      <c r="L53" s="81"/>
      <c r="M53" s="81"/>
      <c r="N53" s="82"/>
    </row>
    <row r="54" spans="1:14" ht="19.899999999999999" customHeight="1" x14ac:dyDescent="0.15">
      <c r="A54" s="9">
        <v>37</v>
      </c>
      <c r="B54" s="40"/>
      <c r="C54" s="40"/>
      <c r="D54" s="40"/>
      <c r="E54" s="40"/>
      <c r="F54" s="40"/>
      <c r="G54" s="40"/>
      <c r="H54" s="41"/>
      <c r="I54" s="42"/>
      <c r="J54" s="43"/>
      <c r="K54" s="45"/>
      <c r="L54" s="81"/>
      <c r="M54" s="81"/>
      <c r="N54" s="82"/>
    </row>
    <row r="55" spans="1:14" ht="19.899999999999999" customHeight="1" x14ac:dyDescent="0.15">
      <c r="A55" s="9">
        <v>38</v>
      </c>
      <c r="B55" s="40"/>
      <c r="C55" s="40"/>
      <c r="D55" s="40"/>
      <c r="E55" s="40"/>
      <c r="F55" s="40"/>
      <c r="G55" s="40"/>
      <c r="H55" s="41"/>
      <c r="I55" s="42"/>
      <c r="J55" s="43"/>
      <c r="K55" s="45"/>
      <c r="L55" s="81"/>
      <c r="M55" s="81"/>
      <c r="N55" s="82"/>
    </row>
    <row r="56" spans="1:14" ht="19.899999999999999" customHeight="1" x14ac:dyDescent="0.15">
      <c r="A56" s="9">
        <v>39</v>
      </c>
      <c r="B56" s="40"/>
      <c r="C56" s="40"/>
      <c r="D56" s="40"/>
      <c r="E56" s="40"/>
      <c r="F56" s="40"/>
      <c r="G56" s="40"/>
      <c r="H56" s="41"/>
      <c r="I56" s="42"/>
      <c r="J56" s="43"/>
      <c r="K56" s="45"/>
      <c r="L56" s="81"/>
      <c r="M56" s="81"/>
      <c r="N56" s="82"/>
    </row>
    <row r="57" spans="1:14" ht="19.899999999999999" customHeight="1" x14ac:dyDescent="0.15">
      <c r="A57" s="9">
        <v>40</v>
      </c>
      <c r="B57" s="40"/>
      <c r="C57" s="40"/>
      <c r="D57" s="40"/>
      <c r="E57" s="40"/>
      <c r="F57" s="40"/>
      <c r="G57" s="40"/>
      <c r="H57" s="41"/>
      <c r="I57" s="42"/>
      <c r="J57" s="43"/>
      <c r="K57" s="45"/>
      <c r="L57" s="81"/>
      <c r="M57" s="81"/>
      <c r="N57" s="82"/>
    </row>
    <row r="58" spans="1:14" ht="19.899999999999999" customHeight="1" x14ac:dyDescent="0.15">
      <c r="A58" s="9">
        <v>41</v>
      </c>
      <c r="B58" s="40"/>
      <c r="C58" s="40"/>
      <c r="D58" s="40"/>
      <c r="E58" s="40"/>
      <c r="F58" s="40"/>
      <c r="G58" s="40"/>
      <c r="H58" s="41"/>
      <c r="I58" s="42"/>
      <c r="J58" s="43"/>
      <c r="K58" s="45"/>
      <c r="L58" s="81"/>
      <c r="M58" s="81"/>
      <c r="N58" s="82"/>
    </row>
    <row r="59" spans="1:14" ht="19.899999999999999" customHeight="1" x14ac:dyDescent="0.15">
      <c r="A59" s="9">
        <v>42</v>
      </c>
      <c r="B59" s="40"/>
      <c r="C59" s="40"/>
      <c r="D59" s="40"/>
      <c r="E59" s="40"/>
      <c r="F59" s="40"/>
      <c r="G59" s="40"/>
      <c r="H59" s="41"/>
      <c r="I59" s="42"/>
      <c r="J59" s="43"/>
      <c r="K59" s="45"/>
      <c r="L59" s="81"/>
      <c r="M59" s="81"/>
      <c r="N59" s="82"/>
    </row>
    <row r="60" spans="1:14" ht="19.899999999999999" customHeight="1" x14ac:dyDescent="0.15">
      <c r="A60" s="9">
        <v>43</v>
      </c>
      <c r="B60" s="40"/>
      <c r="C60" s="40"/>
      <c r="D60" s="40"/>
      <c r="E60" s="40"/>
      <c r="F60" s="40"/>
      <c r="G60" s="40"/>
      <c r="H60" s="41"/>
      <c r="I60" s="42"/>
      <c r="J60" s="43"/>
      <c r="K60" s="45"/>
      <c r="L60" s="81"/>
      <c r="M60" s="81"/>
      <c r="N60" s="82"/>
    </row>
    <row r="61" spans="1:14" ht="19.899999999999999" customHeight="1" x14ac:dyDescent="0.15">
      <c r="A61" s="9">
        <v>44</v>
      </c>
      <c r="B61" s="40"/>
      <c r="C61" s="40"/>
      <c r="D61" s="40"/>
      <c r="E61" s="40"/>
      <c r="F61" s="40"/>
      <c r="G61" s="40"/>
      <c r="H61" s="41"/>
      <c r="I61" s="42"/>
      <c r="J61" s="43"/>
      <c r="K61" s="45"/>
      <c r="L61" s="81"/>
      <c r="M61" s="81"/>
      <c r="N61" s="82"/>
    </row>
    <row r="62" spans="1:14" ht="19.899999999999999" customHeight="1" x14ac:dyDescent="0.15">
      <c r="A62" s="9">
        <v>45</v>
      </c>
      <c r="B62" s="40"/>
      <c r="C62" s="40"/>
      <c r="D62" s="40"/>
      <c r="E62" s="40"/>
      <c r="F62" s="40"/>
      <c r="G62" s="40"/>
      <c r="H62" s="41"/>
      <c r="I62" s="42"/>
      <c r="J62" s="43"/>
      <c r="K62" s="45"/>
      <c r="L62" s="81"/>
      <c r="M62" s="81"/>
      <c r="N62" s="82"/>
    </row>
    <row r="63" spans="1:14" ht="19.899999999999999" customHeight="1" x14ac:dyDescent="0.15">
      <c r="A63" s="9">
        <v>46</v>
      </c>
      <c r="B63" s="40"/>
      <c r="C63" s="40"/>
      <c r="D63" s="40"/>
      <c r="E63" s="40"/>
      <c r="F63" s="40"/>
      <c r="G63" s="40"/>
      <c r="H63" s="41"/>
      <c r="I63" s="42"/>
      <c r="J63" s="43"/>
      <c r="K63" s="45"/>
      <c r="L63" s="81"/>
      <c r="M63" s="81"/>
      <c r="N63" s="82"/>
    </row>
    <row r="64" spans="1:14" ht="19.899999999999999" customHeight="1" x14ac:dyDescent="0.15">
      <c r="A64" s="9">
        <v>47</v>
      </c>
      <c r="B64" s="40"/>
      <c r="C64" s="40"/>
      <c r="D64" s="40"/>
      <c r="E64" s="40"/>
      <c r="F64" s="40"/>
      <c r="G64" s="40"/>
      <c r="H64" s="41"/>
      <c r="I64" s="42"/>
      <c r="J64" s="43"/>
      <c r="K64" s="45"/>
      <c r="L64" s="81"/>
      <c r="M64" s="81"/>
      <c r="N64" s="82"/>
    </row>
    <row r="65" spans="1:14" ht="19.899999999999999" customHeight="1" x14ac:dyDescent="0.15">
      <c r="A65" s="9">
        <v>48</v>
      </c>
      <c r="B65" s="40"/>
      <c r="C65" s="40"/>
      <c r="D65" s="40"/>
      <c r="E65" s="40"/>
      <c r="F65" s="40"/>
      <c r="G65" s="40"/>
      <c r="H65" s="41"/>
      <c r="I65" s="42"/>
      <c r="J65" s="43"/>
      <c r="K65" s="45"/>
      <c r="L65" s="81"/>
      <c r="M65" s="81"/>
      <c r="N65" s="82"/>
    </row>
    <row r="66" spans="1:14" ht="19.899999999999999" customHeight="1" x14ac:dyDescent="0.15">
      <c r="A66" s="9">
        <v>49</v>
      </c>
      <c r="B66" s="40"/>
      <c r="C66" s="40"/>
      <c r="D66" s="40"/>
      <c r="E66" s="40"/>
      <c r="F66" s="40"/>
      <c r="G66" s="40"/>
      <c r="H66" s="41"/>
      <c r="I66" s="42"/>
      <c r="J66" s="43"/>
      <c r="K66" s="45"/>
      <c r="L66" s="81"/>
      <c r="M66" s="81"/>
      <c r="N66" s="82"/>
    </row>
    <row r="67" spans="1:14" ht="19.899999999999999" customHeight="1" x14ac:dyDescent="0.15">
      <c r="A67" s="9">
        <v>50</v>
      </c>
      <c r="B67" s="40"/>
      <c r="C67" s="40"/>
      <c r="D67" s="40"/>
      <c r="E67" s="40"/>
      <c r="F67" s="40"/>
      <c r="G67" s="40"/>
      <c r="H67" s="41"/>
      <c r="I67" s="42"/>
      <c r="J67" s="43"/>
      <c r="K67" s="45"/>
      <c r="L67" s="81"/>
      <c r="M67" s="81"/>
      <c r="N67" s="82"/>
    </row>
    <row r="68" spans="1:14" ht="19.899999999999999" customHeight="1" x14ac:dyDescent="0.15">
      <c r="A68" s="2" t="s">
        <v>15</v>
      </c>
    </row>
    <row r="69" spans="1:14" ht="19.899999999999999" customHeight="1" x14ac:dyDescent="0.15">
      <c r="A69" s="2" t="s">
        <v>16</v>
      </c>
    </row>
    <row r="70" spans="1:14" ht="19.899999999999999" customHeight="1" x14ac:dyDescent="0.15">
      <c r="A70" s="2" t="s">
        <v>17</v>
      </c>
    </row>
    <row r="71" spans="1:14" ht="19.899999999999999" customHeight="1" x14ac:dyDescent="0.15">
      <c r="A71" s="2" t="s">
        <v>18</v>
      </c>
      <c r="B71" s="3" t="s">
        <v>21</v>
      </c>
      <c r="C71" s="83" t="s">
        <v>57</v>
      </c>
      <c r="D71" s="84"/>
      <c r="E71" s="84"/>
      <c r="F71" s="84"/>
      <c r="G71" s="84"/>
      <c r="H71" s="84"/>
      <c r="I71" s="84"/>
      <c r="J71" s="84"/>
      <c r="K71" s="84"/>
      <c r="L71" s="84"/>
      <c r="M71" s="84"/>
      <c r="N71" s="85"/>
    </row>
    <row r="72" spans="1:14" ht="19.899999999999999" customHeight="1" x14ac:dyDescent="0.15">
      <c r="A72" s="2" t="s">
        <v>19</v>
      </c>
      <c r="C72" s="86"/>
      <c r="D72" s="87"/>
      <c r="E72" s="87"/>
      <c r="F72" s="87"/>
      <c r="G72" s="87"/>
      <c r="H72" s="87"/>
      <c r="I72" s="87"/>
      <c r="J72" s="87"/>
      <c r="K72" s="87"/>
      <c r="L72" s="87"/>
      <c r="M72" s="87"/>
      <c r="N72" s="88"/>
    </row>
    <row r="73" spans="1:14" ht="19.899999999999999" customHeight="1" x14ac:dyDescent="0.15">
      <c r="C73" s="89"/>
      <c r="D73" s="90"/>
      <c r="E73" s="90"/>
      <c r="F73" s="90"/>
      <c r="G73" s="90"/>
      <c r="H73" s="90"/>
      <c r="I73" s="90"/>
      <c r="J73" s="90"/>
      <c r="K73" s="90"/>
      <c r="L73" s="90"/>
      <c r="M73" s="90"/>
      <c r="N73" s="91"/>
    </row>
    <row r="74" spans="1:14" ht="19.899999999999999" customHeight="1" x14ac:dyDescent="0.15">
      <c r="A74" s="1" t="s">
        <v>30</v>
      </c>
    </row>
    <row r="75" spans="1:14" ht="19.899999999999999" customHeight="1" x14ac:dyDescent="0.15">
      <c r="A75" s="7" t="s">
        <v>4</v>
      </c>
      <c r="B75" s="8" t="s">
        <v>27</v>
      </c>
      <c r="C75" s="5" t="s">
        <v>22</v>
      </c>
      <c r="D75" s="5"/>
      <c r="E75" s="5"/>
      <c r="F75" s="5"/>
      <c r="G75" s="6"/>
      <c r="H75" s="7" t="s">
        <v>7</v>
      </c>
      <c r="I75" s="8" t="s">
        <v>20</v>
      </c>
      <c r="J75" s="5" t="s">
        <v>25</v>
      </c>
      <c r="K75" s="5"/>
      <c r="L75" s="5"/>
      <c r="M75" s="5"/>
      <c r="N75" s="6"/>
    </row>
    <row r="76" spans="1:14" ht="19.899999999999999" customHeight="1" x14ac:dyDescent="0.15">
      <c r="A76" s="7" t="s">
        <v>5</v>
      </c>
      <c r="B76" s="8" t="s">
        <v>28</v>
      </c>
      <c r="C76" s="5" t="s">
        <v>23</v>
      </c>
      <c r="D76" s="5"/>
      <c r="E76" s="5"/>
      <c r="F76" s="5"/>
      <c r="G76" s="6"/>
      <c r="H76" s="7" t="s">
        <v>8</v>
      </c>
      <c r="I76" s="8" t="s">
        <v>29</v>
      </c>
      <c r="J76" s="5" t="s">
        <v>26</v>
      </c>
      <c r="K76" s="5"/>
      <c r="L76" s="5"/>
      <c r="M76" s="5"/>
      <c r="N76" s="6"/>
    </row>
    <row r="77" spans="1:14" ht="19.899999999999999" customHeight="1" x14ac:dyDescent="0.15">
      <c r="A77" s="7" t="s">
        <v>6</v>
      </c>
      <c r="B77" s="8" t="s">
        <v>29</v>
      </c>
      <c r="C77" s="5" t="s">
        <v>24</v>
      </c>
      <c r="D77" s="5"/>
      <c r="E77" s="5"/>
      <c r="F77" s="5"/>
      <c r="G77" s="6"/>
      <c r="H77" s="4"/>
      <c r="I77" s="5"/>
      <c r="J77" s="5"/>
      <c r="K77" s="5"/>
      <c r="L77" s="5"/>
      <c r="M77" s="5"/>
      <c r="N77" s="6"/>
    </row>
    <row r="78" spans="1:14" ht="19.899999999999999" customHeight="1" x14ac:dyDescent="0.15">
      <c r="A78" s="2" t="s">
        <v>31</v>
      </c>
    </row>
    <row r="79" spans="1:14" ht="19.899999999999999" customHeight="1" x14ac:dyDescent="0.15">
      <c r="A79" s="10" t="s">
        <v>37</v>
      </c>
      <c r="B79" s="10"/>
      <c r="C79" s="10"/>
      <c r="D79" s="10"/>
      <c r="E79" s="10"/>
      <c r="F79" s="10"/>
      <c r="G79" s="10"/>
      <c r="H79" s="10"/>
      <c r="I79" s="10"/>
      <c r="J79" s="10"/>
      <c r="K79" s="10"/>
      <c r="L79" s="10"/>
      <c r="M79" s="10"/>
      <c r="N79" s="10"/>
    </row>
    <row r="80" spans="1:14" ht="19.899999999999999" customHeight="1" x14ac:dyDescent="0.15">
      <c r="A80" s="53" t="s">
        <v>32</v>
      </c>
      <c r="B80" s="53"/>
      <c r="C80" s="40"/>
      <c r="D80" s="92"/>
      <c r="E80" s="93"/>
      <c r="F80" s="53" t="s">
        <v>34</v>
      </c>
      <c r="G80" s="53"/>
      <c r="H80" s="44"/>
      <c r="I80" s="53" t="s">
        <v>36</v>
      </c>
      <c r="J80" s="53"/>
      <c r="K80" s="96"/>
      <c r="L80" s="96"/>
      <c r="M80" s="96"/>
      <c r="N80" s="96"/>
    </row>
    <row r="81" spans="1:14" ht="19.899999999999999" customHeight="1" x14ac:dyDescent="0.15">
      <c r="A81" s="53" t="s">
        <v>33</v>
      </c>
      <c r="B81" s="53"/>
      <c r="C81" s="40"/>
      <c r="D81" s="94"/>
      <c r="E81" s="95"/>
      <c r="F81" s="53" t="s">
        <v>35</v>
      </c>
      <c r="G81" s="53"/>
      <c r="H81" s="71"/>
      <c r="I81" s="71"/>
      <c r="J81" s="71"/>
      <c r="K81" s="71"/>
      <c r="L81" s="71"/>
      <c r="M81" s="71"/>
      <c r="N81" s="71"/>
    </row>
  </sheetData>
  <sheetProtection algorithmName="SHA-512" hashValue="BrDrgSw4dOu8AxPTrSu8GOHdanPyeVm8rTyPiAREdOmALe/9CJX8m7AUB1R9jbzk9rP4MHi649miMkHWS6/AQg==" saltValue="DsCRX6aysoKXB/ZL2+PCTQ==" spinCount="100000" sheet="1" objects="1" scenarios="1"/>
  <mergeCells count="78">
    <mergeCell ref="A1:N1"/>
    <mergeCell ref="K3:N3"/>
    <mergeCell ref="A7:G7"/>
    <mergeCell ref="H7:N7"/>
    <mergeCell ref="A8:G8"/>
    <mergeCell ref="H8:N8"/>
    <mergeCell ref="A9:G9"/>
    <mergeCell ref="H9:N9"/>
    <mergeCell ref="A10:G10"/>
    <mergeCell ref="H10:N10"/>
    <mergeCell ref="A11:G11"/>
    <mergeCell ref="H11:N11"/>
    <mergeCell ref="L23:N23"/>
    <mergeCell ref="A12:G12"/>
    <mergeCell ref="H12:N12"/>
    <mergeCell ref="C16:F16"/>
    <mergeCell ref="H16:K16"/>
    <mergeCell ref="B17:G17"/>
    <mergeCell ref="K17:N17"/>
    <mergeCell ref="L18:N18"/>
    <mergeCell ref="L19:N19"/>
    <mergeCell ref="L20:N20"/>
    <mergeCell ref="L21:N21"/>
    <mergeCell ref="L22:N22"/>
    <mergeCell ref="L35:N35"/>
    <mergeCell ref="L24:N24"/>
    <mergeCell ref="L25:N25"/>
    <mergeCell ref="L26:N26"/>
    <mergeCell ref="L27:N27"/>
    <mergeCell ref="L28:N28"/>
    <mergeCell ref="L29:N29"/>
    <mergeCell ref="L30:N30"/>
    <mergeCell ref="L31:N31"/>
    <mergeCell ref="L32:N32"/>
    <mergeCell ref="L33:N33"/>
    <mergeCell ref="L34:N34"/>
    <mergeCell ref="L47:N47"/>
    <mergeCell ref="L36:N36"/>
    <mergeCell ref="L37:N37"/>
    <mergeCell ref="L38:N38"/>
    <mergeCell ref="L39:N39"/>
    <mergeCell ref="L40:N40"/>
    <mergeCell ref="L41:N41"/>
    <mergeCell ref="L42:N42"/>
    <mergeCell ref="L43:N43"/>
    <mergeCell ref="L44:N44"/>
    <mergeCell ref="L45:N45"/>
    <mergeCell ref="L46:N46"/>
    <mergeCell ref="L59:N59"/>
    <mergeCell ref="L48:N48"/>
    <mergeCell ref="L49:N49"/>
    <mergeCell ref="L50:N50"/>
    <mergeCell ref="L51:N51"/>
    <mergeCell ref="L52:N52"/>
    <mergeCell ref="L53:N53"/>
    <mergeCell ref="A80:B80"/>
    <mergeCell ref="D80:E81"/>
    <mergeCell ref="F80:G80"/>
    <mergeCell ref="I80:J80"/>
    <mergeCell ref="K80:N80"/>
    <mergeCell ref="A81:B81"/>
    <mergeCell ref="F81:G81"/>
    <mergeCell ref="H81:N81"/>
    <mergeCell ref="E2:J4"/>
    <mergeCell ref="L66:N66"/>
    <mergeCell ref="L67:N67"/>
    <mergeCell ref="C71:N73"/>
    <mergeCell ref="L60:N60"/>
    <mergeCell ref="L61:N61"/>
    <mergeCell ref="L62:N62"/>
    <mergeCell ref="L63:N63"/>
    <mergeCell ref="L64:N64"/>
    <mergeCell ref="L65:N65"/>
    <mergeCell ref="L54:N54"/>
    <mergeCell ref="L55:N55"/>
    <mergeCell ref="L56:N56"/>
    <mergeCell ref="L57:N57"/>
    <mergeCell ref="L58:N58"/>
  </mergeCells>
  <phoneticPr fontId="4"/>
  <dataValidations count="10">
    <dataValidation type="list" allowBlank="1" showInputMessage="1" showErrorMessage="1" sqref="D80:E81">
      <formula1>"許  可,不許可"</formula1>
    </dataValidation>
    <dataValidation type="list" allowBlank="1" showInputMessage="1" showErrorMessage="1" sqref="C80:C81">
      <formula1>"○"</formula1>
    </dataValidation>
    <dataValidation type="list" allowBlank="1" showInputMessage="1" showErrorMessage="1" sqref="J18:J67">
      <formula1>"2,4,6,8,8以上"</formula1>
    </dataValidation>
    <dataValidation type="list" allowBlank="1" showInputMessage="1" showErrorMessage="1" sqref="I18:I67">
      <formula1>"1,2,3,4,5,6,不定期"</formula1>
    </dataValidation>
    <dataValidation type="list" allowBlank="1" showInputMessage="1" showErrorMessage="1" sqref="G18:G67">
      <formula1>"その他"</formula1>
    </dataValidation>
    <dataValidation type="list" allowBlank="1" showInputMessage="1" showErrorMessage="1" sqref="F18:F67">
      <formula1>"集配"</formula1>
    </dataValidation>
    <dataValidation type="list" allowBlank="1" showInputMessage="1" showErrorMessage="1" sqref="E18:E67">
      <formula1>"受託"</formula1>
    </dataValidation>
    <dataValidation type="list" allowBlank="1" showInputMessage="1" showErrorMessage="1" sqref="D18:D67">
      <formula1>"営業"</formula1>
    </dataValidation>
    <dataValidation type="list" allowBlank="1" showInputMessage="1" showErrorMessage="1" sqref="C18:C67">
      <formula1>"保守"</formula1>
    </dataValidation>
    <dataValidation type="list" allowBlank="1" showInputMessage="1" showErrorMessage="1" sqref="B18:B67">
      <formula1>"納品"</formula1>
    </dataValidation>
  </dataValidations>
  <printOptions horizontalCentered="1"/>
  <pageMargins left="0.78740157480314965" right="0.78740157480314965" top="0.78740157480314965" bottom="0.78740157480314965" header="0.59055118110236227" footer="0.31496062992125984"/>
  <pageSetup paperSize="9" scale="91" orientation="portrait" horizontalDpi="1200" verticalDpi="1200" r:id="rId1"/>
  <headerFooter>
    <oddHeader>&amp;L&amp;"ＭＳ Ｐ明朝,標準"別紙様式3</oddHeader>
  </headerFooter>
  <rowBreaks count="1" manualBreakCount="1">
    <brk id="42" max="13" man="1"/>
  </rowBreaks>
  <colBreaks count="1" manualBreakCount="1">
    <brk id="14" max="87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5</vt:i4>
      </vt:variant>
    </vt:vector>
  </HeadingPairs>
  <TitlesOfParts>
    <vt:vector size="8" baseType="lpstr">
      <vt:lpstr>入力様式</vt:lpstr>
      <vt:lpstr>抽出シート</vt:lpstr>
      <vt:lpstr>記載例</vt:lpstr>
      <vt:lpstr>記載例!Print_Area</vt:lpstr>
      <vt:lpstr>入力様式!Print_Area</vt:lpstr>
      <vt:lpstr>記載例!Print_Titles</vt:lpstr>
      <vt:lpstr>抽出シート!Print_Titles</vt:lpstr>
      <vt:lpstr>入力様式!Print_Titles</vt:lpstr>
    </vt:vector>
  </TitlesOfParts>
  <Company>広島県庁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島県</dc:creator>
  <cp:lastModifiedBy>広島県</cp:lastModifiedBy>
  <cp:lastPrinted>2021-04-30T00:47:19Z</cp:lastPrinted>
  <dcterms:created xsi:type="dcterms:W3CDTF">2021-04-29T23:30:34Z</dcterms:created>
  <dcterms:modified xsi:type="dcterms:W3CDTF">2022-05-18T02:47:27Z</dcterms:modified>
</cp:coreProperties>
</file>